
<file path=[Content_Types].xml><?xml version="1.0" encoding="utf-8"?>
<Types xmlns="http://schemas.openxmlformats.org/package/2006/content-types">
  <Default Extension="mp3" ContentType="audio/mpeg"/>
  <Default Extension="png" ContentType="image/png"/>
  <Default Extension="svg" ContentType="image/svg+xml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  <p:sldMasterId id="2147483672" r:id="rId2"/>
  </p:sldMasterIdLst>
  <p:notesMasterIdLst>
    <p:notesMasterId r:id="rId23"/>
  </p:notesMasterIdLst>
  <p:sldIdLst>
    <p:sldId id="257" r:id="rId3"/>
    <p:sldId id="1942" r:id="rId4"/>
    <p:sldId id="1945" r:id="rId5"/>
    <p:sldId id="1944" r:id="rId6"/>
    <p:sldId id="1943" r:id="rId7"/>
    <p:sldId id="259" r:id="rId8"/>
    <p:sldId id="258" r:id="rId9"/>
    <p:sldId id="1929" r:id="rId10"/>
    <p:sldId id="1930" r:id="rId11"/>
    <p:sldId id="1931" r:id="rId12"/>
    <p:sldId id="1932" r:id="rId13"/>
    <p:sldId id="1933" r:id="rId14"/>
    <p:sldId id="1934" r:id="rId15"/>
    <p:sldId id="1935" r:id="rId16"/>
    <p:sldId id="1936" r:id="rId17"/>
    <p:sldId id="1937" r:id="rId18"/>
    <p:sldId id="1938" r:id="rId19"/>
    <p:sldId id="1940" r:id="rId20"/>
    <p:sldId id="1939" r:id="rId21"/>
    <p:sldId id="1941" r:id="rId22"/>
  </p:sldIdLst>
  <p:sldSz cx="6858000" cy="12192000"/>
  <p:notesSz cx="6858000" cy="9144000"/>
  <p:custDataLst>
    <p:tags r:id="rId24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Default Section" id="{61BA40D8-A321-450A-9B38-E64798F46F0A}">
          <p14:sldIdLst>
            <p14:sldId id="257"/>
            <p14:sldId id="1942"/>
            <p14:sldId id="1945"/>
            <p14:sldId id="1944"/>
          </p14:sldIdLst>
        </p14:section>
        <p14:section name="materi matahari" id="{EFE03E6F-69C2-4BDA-962E-9DFD9F2DE232}">
          <p14:sldIdLst>
            <p14:sldId id="1943"/>
            <p14:sldId id="259"/>
            <p14:sldId id="258"/>
            <p14:sldId id="1929"/>
            <p14:sldId id="1930"/>
            <p14:sldId id="1931"/>
            <p14:sldId id="1932"/>
            <p14:sldId id="1933"/>
            <p14:sldId id="1934"/>
            <p14:sldId id="1935"/>
            <p14:sldId id="1936"/>
            <p14:sldId id="1937"/>
            <p14:sldId id="1938"/>
            <p14:sldId id="1940"/>
            <p14:sldId id="1939"/>
            <p14:sldId id="1941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3840" userDrawn="1">
          <p15:clr>
            <a:srgbClr val="A4A3A4"/>
          </p15:clr>
        </p15:guide>
        <p15:guide id="2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29122"/>
    <a:srgbClr val="FBFBFB"/>
    <a:srgbClr val="010D30"/>
    <a:srgbClr val="5622E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0727" autoAdjust="0"/>
    <p:restoredTop sz="94660"/>
  </p:normalViewPr>
  <p:slideViewPr>
    <p:cSldViewPr snapToGrid="0" showGuides="1">
      <p:cViewPr>
        <p:scale>
          <a:sx n="33" d="100"/>
          <a:sy n="33" d="100"/>
        </p:scale>
        <p:origin x="2208" y="212"/>
      </p:cViewPr>
      <p:guideLst>
        <p:guide orient="horz" pos="3840"/>
        <p:guide pos="216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viewProps" Target="viewProps.xml"/><Relationship Id="rId3" Type="http://schemas.openxmlformats.org/officeDocument/2006/relationships/slide" Target="slides/slide1.xml"/><Relationship Id="rId21" Type="http://schemas.openxmlformats.org/officeDocument/2006/relationships/slide" Target="slides/slide19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presProps" Target="presProp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tags" Target="tags/tag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notesMaster" Target="notesMasters/notesMaster1.xml"/><Relationship Id="rId28" Type="http://schemas.openxmlformats.org/officeDocument/2006/relationships/tableStyles" Target="tableStyles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923783B-D602-446B-9873-1267F9820459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560638" y="1143000"/>
            <a:ext cx="1736725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113770A-F800-4AB4-876C-B9903A4ED23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1274824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13770A-F800-4AB4-876C-B9903A4ED236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6163660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E455FD06-BB42-AAE7-AE7A-AB1610C9B131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8135DDDC-5596-DDD3-F015-0CEB166B3B38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2FB93214-AD94-9950-0164-5E6C109B5B1A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288DC288-5C34-E23B-0F48-1EF3B6CC35DA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0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77859405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D3F1582F-8700-1E2C-4B87-74C0B5C401D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2857192D-0139-A6A9-FA11-C99282E79EC2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48558D18-E25B-1949-C748-A8D6F931F9D4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1F1D13D9-A80C-FA0E-BC77-73A51CAE4D7E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8569016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77FDA94C-1A85-BB26-70EB-3EFFB9819F9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B465B788-FE97-21A8-B51A-E96A257F083B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B678D26F-2FCB-E642-7C86-08CA423958C2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E7A2B6C1-6937-8193-21E4-7B73B5496876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36318769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F1BAE9BB-2DD6-ED57-D3A5-6CF326C5855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F000854E-B262-EC35-9BAC-86EB37217B2D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0297CE0C-CE1A-E65E-D441-C99A757EE18C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C1A30629-C6F8-C410-42E1-2BE7BC6600A0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3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3753328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E8E17908-9754-168D-76C4-9CA5208C2AE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6C2D3394-7C5F-39A6-BF00-71F9D99D3C3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090F20DC-8CEE-3242-60F7-1E48AFA220B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2A48D0B1-FB3D-58E4-3232-A65C6F1D56E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4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9573770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E8E17908-9754-168D-76C4-9CA5208C2AE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6C2D3394-7C5F-39A6-BF00-71F9D99D3C3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090F20DC-8CEE-3242-60F7-1E48AFA220B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2A48D0B1-FB3D-58E4-3232-A65C6F1D56E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5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1879587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E8E17908-9754-168D-76C4-9CA5208C2AE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6C2D3394-7C5F-39A6-BF00-71F9D99D3C3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090F20DC-8CEE-3242-60F7-1E48AFA220B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2A48D0B1-FB3D-58E4-3232-A65C6F1D56E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6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8235005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E8E17908-9754-168D-76C4-9CA5208C2AE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6C2D3394-7C5F-39A6-BF00-71F9D99D3C3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090F20DC-8CEE-3242-60F7-1E48AFA220B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2A48D0B1-FB3D-58E4-3232-A65C6F1D56E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7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31647962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E8E17908-9754-168D-76C4-9CA5208C2AE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6C2D3394-7C5F-39A6-BF00-71F9D99D3C3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090F20DC-8CEE-3242-60F7-1E48AFA220B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2A48D0B1-FB3D-58E4-3232-A65C6F1D56E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8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835480275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E8E17908-9754-168D-76C4-9CA5208C2AE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6C2D3394-7C5F-39A6-BF00-71F9D99D3C3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090F20DC-8CEE-3242-60F7-1E48AFA220B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2A48D0B1-FB3D-58E4-3232-A65C6F1D56E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9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1448308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13770A-F800-4AB4-876C-B9903A4ED236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62561047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E8E17908-9754-168D-76C4-9CA5208C2AE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6C2D3394-7C5F-39A6-BF00-71F9D99D3C3C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090F20DC-8CEE-3242-60F7-1E48AFA220B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2A48D0B1-FB3D-58E4-3232-A65C6F1D56E8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0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6832997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13770A-F800-4AB4-876C-B9903A4ED236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6928914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13770A-F800-4AB4-876C-B9903A4ED236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4690499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13770A-F800-4AB4-876C-B9903A4ED236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3584171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13770A-F800-4AB4-876C-B9903A4ED236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4325485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113770A-F800-4AB4-876C-B9903A4ED236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4814464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8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38910739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473D65C3-C7E4-E64C-CDBD-1A744F53C51C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="" xmlns:a16="http://schemas.microsoft.com/office/drawing/2014/main" id="{EEBCF0E7-B290-ED70-89E8-63EE39DCD6D6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="" xmlns:a16="http://schemas.microsoft.com/office/drawing/2014/main" id="{3ACF3E8B-72CB-6EA0-1632-82F33288F57F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="" xmlns:a16="http://schemas.microsoft.com/office/drawing/2014/main" id="{D33443DD-942B-7656-9DE4-241DA604F4F0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 marL="0" marR="0" lvl="0" indent="0" algn="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A5B6BE96-F184-4657-A07C-2817EF767AB7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</a:t>
            </a:fld>
            <a:endParaRPr kumimoji="0" 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44611208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14350" y="1995312"/>
            <a:ext cx="5829300" cy="4244622"/>
          </a:xfrm>
        </p:spPr>
        <p:txBody>
          <a:bodyPr anchor="b"/>
          <a:lstStyle>
            <a:lvl1pPr algn="ctr">
              <a:defRPr sz="45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857250" y="6403623"/>
            <a:ext cx="5143500" cy="2943577"/>
          </a:xfrm>
        </p:spPr>
        <p:txBody>
          <a:bodyPr/>
          <a:lstStyle>
            <a:lvl1pPr marL="0" indent="0" algn="ctr">
              <a:buNone/>
              <a:defRPr sz="1800"/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682880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760183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4907757" y="649111"/>
            <a:ext cx="1478756" cy="10332156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71488" y="649111"/>
            <a:ext cx="4350544" cy="10332156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8085515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14350" y="1995312"/>
            <a:ext cx="5829300" cy="4244622"/>
          </a:xfrm>
        </p:spPr>
        <p:txBody>
          <a:bodyPr anchor="b"/>
          <a:lstStyle>
            <a:lvl1pPr algn="ctr">
              <a:defRPr sz="45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857250" y="6403623"/>
            <a:ext cx="5143500" cy="2943577"/>
          </a:xfrm>
        </p:spPr>
        <p:txBody>
          <a:bodyPr/>
          <a:lstStyle>
            <a:lvl1pPr marL="0" indent="0" algn="ctr">
              <a:buNone/>
              <a:defRPr sz="1800"/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5784443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239125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67916" y="3039537"/>
            <a:ext cx="5915025" cy="5071532"/>
          </a:xfrm>
        </p:spPr>
        <p:txBody>
          <a:bodyPr anchor="b"/>
          <a:lstStyle>
            <a:lvl1pPr>
              <a:defRPr sz="45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67916" y="8159048"/>
            <a:ext cx="5915025" cy="2666999"/>
          </a:xfrm>
        </p:spPr>
        <p:txBody>
          <a:bodyPr/>
          <a:lstStyle>
            <a:lvl1pPr marL="0" indent="0">
              <a:buNone/>
              <a:defRPr sz="1800">
                <a:solidFill>
                  <a:schemeClr val="tx1"/>
                </a:solidFill>
              </a:defRPr>
            </a:lvl1pPr>
            <a:lvl2pPr marL="3429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2pPr>
            <a:lvl3pPr marL="685800" indent="0">
              <a:buNone/>
              <a:defRPr sz="1350">
                <a:solidFill>
                  <a:schemeClr val="tx1">
                    <a:tint val="75000"/>
                  </a:schemeClr>
                </a:solidFill>
              </a:defRPr>
            </a:lvl3pPr>
            <a:lvl4pPr marL="10287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4pPr>
            <a:lvl5pPr marL="13716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5pPr>
            <a:lvl6pPr marL="17145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6pPr>
            <a:lvl7pPr marL="20574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7pPr>
            <a:lvl8pPr marL="24003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8pPr>
            <a:lvl9pPr marL="27432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6420775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71488" y="3245556"/>
            <a:ext cx="2914650" cy="773571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471863" y="3245556"/>
            <a:ext cx="2914650" cy="773571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11782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2381" y="649114"/>
            <a:ext cx="5915025" cy="2356556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72381" y="2988734"/>
            <a:ext cx="2901255" cy="146473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72381" y="4453467"/>
            <a:ext cx="2901255" cy="6550379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471863" y="2988734"/>
            <a:ext cx="2915543" cy="146473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471863" y="4453467"/>
            <a:ext cx="2915543" cy="6550379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849914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745917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230477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2381" y="812800"/>
            <a:ext cx="2211884" cy="28448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915543" y="1755425"/>
            <a:ext cx="3471863" cy="8664222"/>
          </a:xfrm>
        </p:spPr>
        <p:txBody>
          <a:bodyPr/>
          <a:lstStyle>
            <a:lvl1pPr>
              <a:defRPr sz="2400"/>
            </a:lvl1pPr>
            <a:lvl2pPr>
              <a:defRPr sz="2100"/>
            </a:lvl2pPr>
            <a:lvl3pPr>
              <a:defRPr sz="1800"/>
            </a:lvl3pPr>
            <a:lvl4pPr>
              <a:defRPr sz="1500"/>
            </a:lvl4pPr>
            <a:lvl5pPr>
              <a:defRPr sz="1500"/>
            </a:lvl5pPr>
            <a:lvl6pPr>
              <a:defRPr sz="1500"/>
            </a:lvl6pPr>
            <a:lvl7pPr>
              <a:defRPr sz="1500"/>
            </a:lvl7pPr>
            <a:lvl8pPr>
              <a:defRPr sz="1500"/>
            </a:lvl8pPr>
            <a:lvl9pPr>
              <a:defRPr sz="15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2381" y="3657600"/>
            <a:ext cx="2211884" cy="6776156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710743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534789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2381" y="812800"/>
            <a:ext cx="2211884" cy="28448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2915543" y="1755425"/>
            <a:ext cx="3471863" cy="8664222"/>
          </a:xfrm>
        </p:spPr>
        <p:txBody>
          <a:bodyPr anchor="t"/>
          <a:lstStyle>
            <a:lvl1pPr marL="0" indent="0">
              <a:buNone/>
              <a:defRPr sz="2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2381" y="3657600"/>
            <a:ext cx="2211884" cy="6776156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950078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2788099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4907757" y="649111"/>
            <a:ext cx="1478756" cy="10332156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71488" y="649111"/>
            <a:ext cx="4350544" cy="10332156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3/4/2024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659828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49751571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67916" y="3039537"/>
            <a:ext cx="5915025" cy="5071532"/>
          </a:xfrm>
        </p:spPr>
        <p:txBody>
          <a:bodyPr anchor="b"/>
          <a:lstStyle>
            <a:lvl1pPr>
              <a:defRPr sz="45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67916" y="8159048"/>
            <a:ext cx="5915025" cy="2666999"/>
          </a:xfrm>
        </p:spPr>
        <p:txBody>
          <a:bodyPr/>
          <a:lstStyle>
            <a:lvl1pPr marL="0" indent="0">
              <a:buNone/>
              <a:defRPr sz="1800">
                <a:solidFill>
                  <a:schemeClr val="tx1"/>
                </a:solidFill>
              </a:defRPr>
            </a:lvl1pPr>
            <a:lvl2pPr marL="342900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2pPr>
            <a:lvl3pPr marL="685800" indent="0">
              <a:buNone/>
              <a:defRPr sz="1350">
                <a:solidFill>
                  <a:schemeClr val="tx1">
                    <a:tint val="75000"/>
                  </a:schemeClr>
                </a:solidFill>
              </a:defRPr>
            </a:lvl3pPr>
            <a:lvl4pPr marL="10287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4pPr>
            <a:lvl5pPr marL="13716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5pPr>
            <a:lvl6pPr marL="17145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6pPr>
            <a:lvl7pPr marL="20574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7pPr>
            <a:lvl8pPr marL="24003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8pPr>
            <a:lvl9pPr marL="2743200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4418564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71488" y="3245556"/>
            <a:ext cx="2914650" cy="773571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471863" y="3245556"/>
            <a:ext cx="2914650" cy="773571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953818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2381" y="649114"/>
            <a:ext cx="5915025" cy="2356556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72381" y="2988734"/>
            <a:ext cx="2901255" cy="146473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72381" y="4453467"/>
            <a:ext cx="2901255" cy="6550379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471863" y="2988734"/>
            <a:ext cx="2915543" cy="1464732"/>
          </a:xfrm>
        </p:spPr>
        <p:txBody>
          <a:bodyPr anchor="b"/>
          <a:lstStyle>
            <a:lvl1pPr marL="0" indent="0">
              <a:buNone/>
              <a:defRPr sz="1800" b="1"/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471863" y="4453467"/>
            <a:ext cx="2915543" cy="6550379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192178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961910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947063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2381" y="812800"/>
            <a:ext cx="2211884" cy="28448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915543" y="1755425"/>
            <a:ext cx="3471863" cy="8664222"/>
          </a:xfrm>
        </p:spPr>
        <p:txBody>
          <a:bodyPr/>
          <a:lstStyle>
            <a:lvl1pPr>
              <a:defRPr sz="2400"/>
            </a:lvl1pPr>
            <a:lvl2pPr>
              <a:defRPr sz="2100"/>
            </a:lvl2pPr>
            <a:lvl3pPr>
              <a:defRPr sz="1800"/>
            </a:lvl3pPr>
            <a:lvl4pPr>
              <a:defRPr sz="1500"/>
            </a:lvl4pPr>
            <a:lvl5pPr>
              <a:defRPr sz="1500"/>
            </a:lvl5pPr>
            <a:lvl6pPr>
              <a:defRPr sz="1500"/>
            </a:lvl6pPr>
            <a:lvl7pPr>
              <a:defRPr sz="1500"/>
            </a:lvl7pPr>
            <a:lvl8pPr>
              <a:defRPr sz="1500"/>
            </a:lvl8pPr>
            <a:lvl9pPr>
              <a:defRPr sz="15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2381" y="3657600"/>
            <a:ext cx="2211884" cy="6776156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964119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2381" y="812800"/>
            <a:ext cx="2211884" cy="2844800"/>
          </a:xfrm>
        </p:spPr>
        <p:txBody>
          <a:bodyPr anchor="b"/>
          <a:lstStyle>
            <a:lvl1pPr>
              <a:defRPr sz="24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2915543" y="1755425"/>
            <a:ext cx="3471863" cy="8664222"/>
          </a:xfrm>
        </p:spPr>
        <p:txBody>
          <a:bodyPr anchor="t"/>
          <a:lstStyle>
            <a:lvl1pPr marL="0" indent="0">
              <a:buNone/>
              <a:defRPr sz="2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2381" y="3657600"/>
            <a:ext cx="2211884" cy="6776156"/>
          </a:xfrm>
        </p:spPr>
        <p:txBody>
          <a:bodyPr/>
          <a:lstStyle>
            <a:lvl1pPr marL="0" indent="0">
              <a:buNone/>
              <a:defRPr sz="12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788335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theme" Target="../theme/theme2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010D30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71488" y="649114"/>
            <a:ext cx="5915025" cy="235655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71488" y="3245556"/>
            <a:ext cx="5915025" cy="773571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71488" y="11300181"/>
            <a:ext cx="1543050" cy="649111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B950D26-E19A-49D6-982E-6AD2DAB739EF}" type="datetimeFigureOut">
              <a:rPr lang="en-US" smtClean="0"/>
              <a:t>3/4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271713" y="11300181"/>
            <a:ext cx="2314575" cy="649111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843463" y="11300181"/>
            <a:ext cx="1543050" cy="649111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A952A30-231A-4143-9B16-6AF69D806E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8794637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71450" indent="-171450" algn="l" defTabSz="6858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100" kern="1200">
          <a:solidFill>
            <a:schemeClr val="tx1"/>
          </a:solidFill>
          <a:latin typeface="+mn-lt"/>
          <a:ea typeface="+mn-ea"/>
          <a:cs typeface="+mn-cs"/>
        </a:defRPr>
      </a:lvl1pPr>
      <a:lvl2pPr marL="5143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010D30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71488" y="649114"/>
            <a:ext cx="5915025" cy="235655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71488" y="3245556"/>
            <a:ext cx="5915025" cy="773571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71488" y="11300181"/>
            <a:ext cx="1543050" cy="649111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764DE79-268F-4C1A-8933-263129D2AF90}" type="datetimeFigureOut">
              <a:rPr lang="en-US" dirty="0"/>
              <a:t>3/4/2024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271713" y="11300181"/>
            <a:ext cx="2314575" cy="649111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843463" y="11300181"/>
            <a:ext cx="1543050" cy="649111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4847024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  <p:sldLayoutId id="2147483684" r:id="rId12"/>
  </p:sldLayoutIdLst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71450" indent="-171450" algn="l" defTabSz="6858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100" kern="1200">
          <a:solidFill>
            <a:schemeClr val="tx1"/>
          </a:solidFill>
          <a:latin typeface="+mn-lt"/>
          <a:ea typeface="+mn-ea"/>
          <a:cs typeface="+mn-cs"/>
        </a:defRPr>
      </a:lvl1pPr>
      <a:lvl2pPr marL="5143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/>
    </p:ext>
  </p:extLst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13" Type="http://schemas.openxmlformats.org/officeDocument/2006/relationships/image" Target="../media/image6.png"/><Relationship Id="rId3" Type="http://schemas.openxmlformats.org/officeDocument/2006/relationships/audio" Target="../media/media1.mp3"/><Relationship Id="rId7" Type="http://schemas.openxmlformats.org/officeDocument/2006/relationships/image" Target="../media/image2.png"/><Relationship Id="rId12" Type="http://schemas.openxmlformats.org/officeDocument/2006/relationships/slide" Target="slide2.xml"/><Relationship Id="rId2" Type="http://schemas.microsoft.com/office/2007/relationships/media" Target="../media/media1.mp3"/><Relationship Id="rId1" Type="http://schemas.openxmlformats.org/officeDocument/2006/relationships/tags" Target="../tags/tag2.xml"/><Relationship Id="rId6" Type="http://schemas.openxmlformats.org/officeDocument/2006/relationships/image" Target="../media/image1.png"/><Relationship Id="rId11" Type="http://schemas.openxmlformats.org/officeDocument/2006/relationships/slide" Target="slide7.xml"/><Relationship Id="rId5" Type="http://schemas.openxmlformats.org/officeDocument/2006/relationships/notesSlide" Target="../notesSlides/notesSlide1.xml"/><Relationship Id="rId15" Type="http://schemas.openxmlformats.org/officeDocument/2006/relationships/image" Target="../media/image8.png"/><Relationship Id="rId10" Type="http://schemas.openxmlformats.org/officeDocument/2006/relationships/image" Target="../media/image5.png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4.png"/><Relationship Id="rId14" Type="http://schemas.openxmlformats.org/officeDocument/2006/relationships/image" Target="../media/image7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image" Target="../media/image29.pn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slide" Target="slide8.xml"/><Relationship Id="rId2" Type="http://schemas.openxmlformats.org/officeDocument/2006/relationships/slideLayout" Target="../slideLayouts/slideLayout23.xml"/><Relationship Id="rId16" Type="http://schemas.openxmlformats.org/officeDocument/2006/relationships/image" Target="../media/image27.png"/><Relationship Id="rId1" Type="http://schemas.openxmlformats.org/officeDocument/2006/relationships/tags" Target="../tags/tag11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image" Target="../media/image26.png"/><Relationship Id="rId10" Type="http://schemas.openxmlformats.org/officeDocument/2006/relationships/image" Target="../media/image14.svg"/><Relationship Id="rId19" Type="http://schemas.openxmlformats.org/officeDocument/2006/relationships/image" Target="../media/image20.sv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image" Target="../media/image25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image" Target="../media/image27.png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25.png"/><Relationship Id="rId2" Type="http://schemas.openxmlformats.org/officeDocument/2006/relationships/slideLayout" Target="../slideLayouts/slideLayout23.xml"/><Relationship Id="rId16" Type="http://schemas.openxmlformats.org/officeDocument/2006/relationships/slide" Target="slide12.xml"/><Relationship Id="rId1" Type="http://schemas.openxmlformats.org/officeDocument/2006/relationships/tags" Target="../tags/tag12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image" Target="../media/image26.png"/><Relationship Id="rId10" Type="http://schemas.openxmlformats.org/officeDocument/2006/relationships/image" Target="../media/image14.sv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13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image" Target="../media/image27.png"/><Relationship Id="rId3" Type="http://schemas.openxmlformats.org/officeDocument/2006/relationships/notesSlide" Target="../notesSlides/notesSlide12.xml"/><Relationship Id="rId21" Type="http://schemas.openxmlformats.org/officeDocument/2006/relationships/image" Target="../media/image21.svg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25.png"/><Relationship Id="rId2" Type="http://schemas.openxmlformats.org/officeDocument/2006/relationships/slideLayout" Target="../slideLayouts/slideLayout23.xml"/><Relationship Id="rId16" Type="http://schemas.openxmlformats.org/officeDocument/2006/relationships/image" Target="../media/image26.png"/><Relationship Id="rId20" Type="http://schemas.openxmlformats.org/officeDocument/2006/relationships/image" Target="../media/image28.png"/><Relationship Id="rId1" Type="http://schemas.openxmlformats.org/officeDocument/2006/relationships/tags" Target="../tags/tag13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slide" Target="slide10.xml"/><Relationship Id="rId10" Type="http://schemas.openxmlformats.org/officeDocument/2006/relationships/image" Target="../media/image14.svg"/><Relationship Id="rId19" Type="http://schemas.openxmlformats.org/officeDocument/2006/relationships/slide" Target="slide14.xml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9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image" Target="../media/image27.png"/><Relationship Id="rId3" Type="http://schemas.openxmlformats.org/officeDocument/2006/relationships/notesSlide" Target="../notesSlides/notesSlide13.xml"/><Relationship Id="rId21" Type="http://schemas.openxmlformats.org/officeDocument/2006/relationships/image" Target="../media/image23.svg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25.png"/><Relationship Id="rId2" Type="http://schemas.openxmlformats.org/officeDocument/2006/relationships/slideLayout" Target="../slideLayouts/slideLayout23.xml"/><Relationship Id="rId16" Type="http://schemas.openxmlformats.org/officeDocument/2006/relationships/image" Target="../media/image26.png"/><Relationship Id="rId20" Type="http://schemas.openxmlformats.org/officeDocument/2006/relationships/image" Target="../media/image30.png"/><Relationship Id="rId1" Type="http://schemas.openxmlformats.org/officeDocument/2006/relationships/tags" Target="../tags/tag14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slide" Target="slide10.xml"/><Relationship Id="rId10" Type="http://schemas.openxmlformats.org/officeDocument/2006/relationships/image" Target="../media/image14.svg"/><Relationship Id="rId19" Type="http://schemas.openxmlformats.org/officeDocument/2006/relationships/slide" Target="slide11.xml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9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slide" Target="slide15.xml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31.png"/><Relationship Id="rId2" Type="http://schemas.openxmlformats.org/officeDocument/2006/relationships/slideLayout" Target="../slideLayouts/slideLayout23.xml"/><Relationship Id="rId16" Type="http://schemas.openxmlformats.org/officeDocument/2006/relationships/slide" Target="slide12.xml"/><Relationship Id="rId1" Type="http://schemas.openxmlformats.org/officeDocument/2006/relationships/tags" Target="../tags/tag15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slide" Target="slide16.xml"/><Relationship Id="rId10" Type="http://schemas.openxmlformats.org/officeDocument/2006/relationships/image" Target="../media/image14.svg"/><Relationship Id="rId19" Type="http://schemas.openxmlformats.org/officeDocument/2006/relationships/image" Target="../media/image27.pn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13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image" Target="../media/image28.png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27.png"/><Relationship Id="rId2" Type="http://schemas.openxmlformats.org/officeDocument/2006/relationships/slideLayout" Target="../slideLayouts/slideLayout23.xml"/><Relationship Id="rId16" Type="http://schemas.openxmlformats.org/officeDocument/2006/relationships/image" Target="../media/image31.png"/><Relationship Id="rId1" Type="http://schemas.openxmlformats.org/officeDocument/2006/relationships/tags" Target="../tags/tag16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slide" Target="slide12.xml"/><Relationship Id="rId10" Type="http://schemas.openxmlformats.org/officeDocument/2006/relationships/image" Target="../media/image14.svg"/><Relationship Id="rId19" Type="http://schemas.openxmlformats.org/officeDocument/2006/relationships/image" Target="../media/image21.sv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13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slide" Target="slide14.xml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27.png"/><Relationship Id="rId2" Type="http://schemas.openxmlformats.org/officeDocument/2006/relationships/slideLayout" Target="../slideLayouts/slideLayout23.xml"/><Relationship Id="rId16" Type="http://schemas.openxmlformats.org/officeDocument/2006/relationships/image" Target="../media/image31.png"/><Relationship Id="rId20" Type="http://schemas.openxmlformats.org/officeDocument/2006/relationships/image" Target="../media/image23.svg"/><Relationship Id="rId1" Type="http://schemas.openxmlformats.org/officeDocument/2006/relationships/tags" Target="../tags/tag17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slide" Target="slide12.xml"/><Relationship Id="rId10" Type="http://schemas.openxmlformats.org/officeDocument/2006/relationships/image" Target="../media/image14.svg"/><Relationship Id="rId19" Type="http://schemas.openxmlformats.org/officeDocument/2006/relationships/image" Target="../media/image30.pn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13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image" Target="../media/image27.png"/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31.png"/><Relationship Id="rId2" Type="http://schemas.openxmlformats.org/officeDocument/2006/relationships/slideLayout" Target="../slideLayouts/slideLayout23.xml"/><Relationship Id="rId16" Type="http://schemas.openxmlformats.org/officeDocument/2006/relationships/slide" Target="slide18.xml"/><Relationship Id="rId1" Type="http://schemas.openxmlformats.org/officeDocument/2006/relationships/tags" Target="../tags/tag18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slide" Target="slide16.xml"/><Relationship Id="rId10" Type="http://schemas.openxmlformats.org/officeDocument/2006/relationships/image" Target="../media/image14.sv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13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slide" Target="slide19.xml"/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27.png"/><Relationship Id="rId2" Type="http://schemas.openxmlformats.org/officeDocument/2006/relationships/slideLayout" Target="../slideLayouts/slideLayout23.xml"/><Relationship Id="rId16" Type="http://schemas.openxmlformats.org/officeDocument/2006/relationships/image" Target="../media/image31.png"/><Relationship Id="rId20" Type="http://schemas.openxmlformats.org/officeDocument/2006/relationships/image" Target="../media/image21.svg"/><Relationship Id="rId1" Type="http://schemas.openxmlformats.org/officeDocument/2006/relationships/tags" Target="../tags/tag19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slide" Target="slide12.xml"/><Relationship Id="rId10" Type="http://schemas.openxmlformats.org/officeDocument/2006/relationships/image" Target="../media/image14.svg"/><Relationship Id="rId19" Type="http://schemas.openxmlformats.org/officeDocument/2006/relationships/image" Target="../media/image28.pn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13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slide" Target="slide15.xml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31.png"/><Relationship Id="rId2" Type="http://schemas.openxmlformats.org/officeDocument/2006/relationships/slideLayout" Target="../slideLayouts/slideLayout23.xml"/><Relationship Id="rId16" Type="http://schemas.openxmlformats.org/officeDocument/2006/relationships/slide" Target="slide12.xml"/><Relationship Id="rId1" Type="http://schemas.openxmlformats.org/officeDocument/2006/relationships/tags" Target="../tags/tag20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slide" Target="slide16.xml"/><Relationship Id="rId10" Type="http://schemas.openxmlformats.org/officeDocument/2006/relationships/image" Target="../media/image14.svg"/><Relationship Id="rId19" Type="http://schemas.openxmlformats.org/officeDocument/2006/relationships/image" Target="../media/image27.pn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1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slide" Target="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slide" Target="slide4.xml"/><Relationship Id="rId5" Type="http://schemas.openxmlformats.org/officeDocument/2006/relationships/slide" Target="slide3.xml"/><Relationship Id="rId4" Type="http://schemas.openxmlformats.org/officeDocument/2006/relationships/image" Target="../media/image9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image" Target="../media/image28.png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27.png"/><Relationship Id="rId2" Type="http://schemas.openxmlformats.org/officeDocument/2006/relationships/slideLayout" Target="../slideLayouts/slideLayout23.xml"/><Relationship Id="rId16" Type="http://schemas.openxmlformats.org/officeDocument/2006/relationships/image" Target="../media/image31.png"/><Relationship Id="rId1" Type="http://schemas.openxmlformats.org/officeDocument/2006/relationships/tags" Target="../tags/tag21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slide" Target="slide12.xml"/><Relationship Id="rId10" Type="http://schemas.openxmlformats.org/officeDocument/2006/relationships/image" Target="../media/image14.svg"/><Relationship Id="rId19" Type="http://schemas.openxmlformats.org/officeDocument/2006/relationships/image" Target="../media/image21.sv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1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1.png"/><Relationship Id="rId12" Type="http://schemas.openxmlformats.org/officeDocument/2006/relationships/image" Target="../media/image11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slide" Target="slide1.xml"/><Relationship Id="rId11" Type="http://schemas.openxmlformats.org/officeDocument/2006/relationships/image" Target="../media/image12.png"/><Relationship Id="rId5" Type="http://schemas.openxmlformats.org/officeDocument/2006/relationships/slide" Target="slide6.xml"/><Relationship Id="rId10" Type="http://schemas.openxmlformats.org/officeDocument/2006/relationships/slide" Target="slide2.xml"/><Relationship Id="rId4" Type="http://schemas.openxmlformats.org/officeDocument/2006/relationships/image" Target="../media/image10.png"/><Relationship Id="rId9" Type="http://schemas.openxmlformats.org/officeDocument/2006/relationships/image" Target="../media/image9.sv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12" Type="http://schemas.openxmlformats.org/officeDocument/2006/relationships/image" Target="../media/image11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openxmlformats.org/officeDocument/2006/relationships/image" Target="../media/image11.png"/><Relationship Id="rId11" Type="http://schemas.openxmlformats.org/officeDocument/2006/relationships/image" Target="../media/image12.png"/><Relationship Id="rId5" Type="http://schemas.openxmlformats.org/officeDocument/2006/relationships/slide" Target="slide1.xml"/><Relationship Id="rId10" Type="http://schemas.openxmlformats.org/officeDocument/2006/relationships/slide" Target="slide2.xml"/><Relationship Id="rId4" Type="http://schemas.openxmlformats.org/officeDocument/2006/relationships/image" Target="../media/image13.png"/><Relationship Id="rId9" Type="http://schemas.openxmlformats.org/officeDocument/2006/relationships/image" Target="../media/image9.sv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5.xml"/><Relationship Id="rId7" Type="http://schemas.openxmlformats.org/officeDocument/2006/relationships/slide" Target="slide8.xml"/><Relationship Id="rId12" Type="http://schemas.openxmlformats.org/officeDocument/2006/relationships/image" Target="../media/image3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slide" Target="slide6.xml"/><Relationship Id="rId11" Type="http://schemas.openxmlformats.org/officeDocument/2006/relationships/hyperlink" Target="https://quizizz.com/join?gc=502654" TargetMode="External"/><Relationship Id="rId5" Type="http://schemas.openxmlformats.org/officeDocument/2006/relationships/image" Target="../media/image15.png"/><Relationship Id="rId10" Type="http://schemas.openxmlformats.org/officeDocument/2006/relationships/image" Target="../media/image17.png"/><Relationship Id="rId4" Type="http://schemas.openxmlformats.org/officeDocument/2006/relationships/image" Target="../media/image14.png"/><Relationship Id="rId9" Type="http://schemas.openxmlformats.org/officeDocument/2006/relationships/image" Target="../media/image16.jpe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13" Type="http://schemas.openxmlformats.org/officeDocument/2006/relationships/image" Target="../media/image20.png"/><Relationship Id="rId3" Type="http://schemas.openxmlformats.org/officeDocument/2006/relationships/notesSlide" Target="../notesSlides/notesSlide6.xml"/><Relationship Id="rId7" Type="http://schemas.openxmlformats.org/officeDocument/2006/relationships/slide" Target="slide1.xml"/><Relationship Id="rId12" Type="http://schemas.openxmlformats.org/officeDocument/2006/relationships/image" Target="../media/image11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.png"/><Relationship Id="rId1" Type="http://schemas.openxmlformats.org/officeDocument/2006/relationships/tags" Target="../tags/tag7.xml"/><Relationship Id="rId6" Type="http://schemas.openxmlformats.org/officeDocument/2006/relationships/slide" Target="slide7.xml"/><Relationship Id="rId11" Type="http://schemas.openxmlformats.org/officeDocument/2006/relationships/image" Target="../media/image19.png"/><Relationship Id="rId5" Type="http://schemas.openxmlformats.org/officeDocument/2006/relationships/image" Target="../media/image15.png"/><Relationship Id="rId15" Type="http://schemas.openxmlformats.org/officeDocument/2006/relationships/image" Target="../media/image17.png"/><Relationship Id="rId10" Type="http://schemas.openxmlformats.org/officeDocument/2006/relationships/slide" Target="slide3.xml"/><Relationship Id="rId4" Type="http://schemas.openxmlformats.org/officeDocument/2006/relationships/image" Target="../media/image14.png"/><Relationship Id="rId9" Type="http://schemas.openxmlformats.org/officeDocument/2006/relationships/image" Target="../media/image9.svg"/><Relationship Id="rId14" Type="http://schemas.openxmlformats.org/officeDocument/2006/relationships/image" Target="../media/image21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7.xml"/><Relationship Id="rId7" Type="http://schemas.openxmlformats.org/officeDocument/2006/relationships/slide" Target="slide8.xml"/><Relationship Id="rId12" Type="http://schemas.openxmlformats.org/officeDocument/2006/relationships/image" Target="../media/image3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slide" Target="slide6.xml"/><Relationship Id="rId11" Type="http://schemas.openxmlformats.org/officeDocument/2006/relationships/hyperlink" Target="https://quizizz.com/join?gc=502654" TargetMode="External"/><Relationship Id="rId5" Type="http://schemas.openxmlformats.org/officeDocument/2006/relationships/image" Target="../media/image15.png"/><Relationship Id="rId10" Type="http://schemas.openxmlformats.org/officeDocument/2006/relationships/image" Target="../media/image17.png"/><Relationship Id="rId4" Type="http://schemas.openxmlformats.org/officeDocument/2006/relationships/image" Target="../media/image14.png"/><Relationship Id="rId9" Type="http://schemas.openxmlformats.org/officeDocument/2006/relationships/image" Target="../media/image16.jpe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image" Target="../media/image27.pn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image" Target="../media/image26.png"/><Relationship Id="rId2" Type="http://schemas.openxmlformats.org/officeDocument/2006/relationships/slideLayout" Target="../slideLayouts/slideLayout23.xml"/><Relationship Id="rId16" Type="http://schemas.openxmlformats.org/officeDocument/2006/relationships/slide" Target="slide10.xml"/><Relationship Id="rId1" Type="http://schemas.openxmlformats.org/officeDocument/2006/relationships/tags" Target="../tags/tag9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image" Target="../media/image25.png"/><Relationship Id="rId10" Type="http://schemas.openxmlformats.org/officeDocument/2006/relationships/image" Target="../media/image14.sv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slide" Target="slide9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5.svg"/><Relationship Id="rId18" Type="http://schemas.openxmlformats.org/officeDocument/2006/relationships/image" Target="../media/image28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22.png"/><Relationship Id="rId12" Type="http://schemas.openxmlformats.org/officeDocument/2006/relationships/image" Target="../media/image24.png"/><Relationship Id="rId17" Type="http://schemas.openxmlformats.org/officeDocument/2006/relationships/slide" Target="slide11.xml"/><Relationship Id="rId2" Type="http://schemas.openxmlformats.org/officeDocument/2006/relationships/slideLayout" Target="../slideLayouts/slideLayout23.xml"/><Relationship Id="rId16" Type="http://schemas.openxmlformats.org/officeDocument/2006/relationships/image" Target="../media/image27.png"/><Relationship Id="rId1" Type="http://schemas.openxmlformats.org/officeDocument/2006/relationships/tags" Target="../tags/tag10.xml"/><Relationship Id="rId6" Type="http://schemas.openxmlformats.org/officeDocument/2006/relationships/image" Target="../media/image17.png"/><Relationship Id="rId11" Type="http://schemas.openxmlformats.org/officeDocument/2006/relationships/slide" Target="slide7.xml"/><Relationship Id="rId5" Type="http://schemas.openxmlformats.org/officeDocument/2006/relationships/image" Target="../media/image3.png"/><Relationship Id="rId15" Type="http://schemas.openxmlformats.org/officeDocument/2006/relationships/image" Target="../media/image26.png"/><Relationship Id="rId10" Type="http://schemas.openxmlformats.org/officeDocument/2006/relationships/image" Target="../media/image14.svg"/><Relationship Id="rId19" Type="http://schemas.openxmlformats.org/officeDocument/2006/relationships/image" Target="../media/image18.svg"/><Relationship Id="rId4" Type="http://schemas.openxmlformats.org/officeDocument/2006/relationships/image" Target="../media/image14.png"/><Relationship Id="rId9" Type="http://schemas.openxmlformats.org/officeDocument/2006/relationships/image" Target="../media/image23.png"/><Relationship Id="rId14" Type="http://schemas.openxmlformats.org/officeDocument/2006/relationships/image" Target="../media/image2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>
            <a:extLst>
              <a:ext uri="{FF2B5EF4-FFF2-40B4-BE49-F238E27FC236}">
                <a16:creationId xmlns="" xmlns:a16="http://schemas.microsoft.com/office/drawing/2014/main" id="{BE3D1483-F178-4227-96D2-C5BFC15184F8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5" name="Group 4">
              <a:extLst>
                <a:ext uri="{FF2B5EF4-FFF2-40B4-BE49-F238E27FC236}">
                  <a16:creationId xmlns="" xmlns:a16="http://schemas.microsoft.com/office/drawing/2014/main" id="{ABC54933-8B8B-4940-89A1-CB66FD7E6EA3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74" name="Freeform: Shape 73">
                <a:extLst>
                  <a:ext uri="{FF2B5EF4-FFF2-40B4-BE49-F238E27FC236}">
                    <a16:creationId xmlns="" xmlns:a16="http://schemas.microsoft.com/office/drawing/2014/main" id="{76E8D545-54C0-4AEB-BF85-7634ECADED2B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5" name="Freeform: Shape 74">
                <a:extLst>
                  <a:ext uri="{FF2B5EF4-FFF2-40B4-BE49-F238E27FC236}">
                    <a16:creationId xmlns="" xmlns:a16="http://schemas.microsoft.com/office/drawing/2014/main" id="{36AF3396-096B-4759-8E8E-0A3DCB110A0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6" name="Freeform: Shape 75">
                <a:extLst>
                  <a:ext uri="{FF2B5EF4-FFF2-40B4-BE49-F238E27FC236}">
                    <a16:creationId xmlns="" xmlns:a16="http://schemas.microsoft.com/office/drawing/2014/main" id="{10D2573C-A4F2-455D-B159-78CFBB69463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7" name="Freeform: Shape 76">
                <a:extLst>
                  <a:ext uri="{FF2B5EF4-FFF2-40B4-BE49-F238E27FC236}">
                    <a16:creationId xmlns="" xmlns:a16="http://schemas.microsoft.com/office/drawing/2014/main" id="{4B02A2FF-85DA-4811-8510-90B65E87BA90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8" name="Freeform: Shape 77">
                <a:extLst>
                  <a:ext uri="{FF2B5EF4-FFF2-40B4-BE49-F238E27FC236}">
                    <a16:creationId xmlns="" xmlns:a16="http://schemas.microsoft.com/office/drawing/2014/main" id="{D4062509-D884-46F8-8EAF-EB8228AD359B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9" name="Freeform: Shape 78">
                <a:extLst>
                  <a:ext uri="{FF2B5EF4-FFF2-40B4-BE49-F238E27FC236}">
                    <a16:creationId xmlns="" xmlns:a16="http://schemas.microsoft.com/office/drawing/2014/main" id="{8D7FFDF5-AA94-4B44-A4ED-58E19CC044B6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0" name="Freeform: Shape 79">
                <a:extLst>
                  <a:ext uri="{FF2B5EF4-FFF2-40B4-BE49-F238E27FC236}">
                    <a16:creationId xmlns="" xmlns:a16="http://schemas.microsoft.com/office/drawing/2014/main" id="{285E1910-E224-40DC-B11E-3E89DCA77401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1" name="Freeform: Shape 80">
                <a:extLst>
                  <a:ext uri="{FF2B5EF4-FFF2-40B4-BE49-F238E27FC236}">
                    <a16:creationId xmlns="" xmlns:a16="http://schemas.microsoft.com/office/drawing/2014/main" id="{494B9A06-7E9D-4850-93B7-64DE529C2A2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2" name="Freeform: Shape 81">
                <a:extLst>
                  <a:ext uri="{FF2B5EF4-FFF2-40B4-BE49-F238E27FC236}">
                    <a16:creationId xmlns="" xmlns:a16="http://schemas.microsoft.com/office/drawing/2014/main" id="{81ADE2C5-C7C3-4B36-AD00-C0A785A96C9F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3" name="Freeform: Shape 82">
                <a:extLst>
                  <a:ext uri="{FF2B5EF4-FFF2-40B4-BE49-F238E27FC236}">
                    <a16:creationId xmlns="" xmlns:a16="http://schemas.microsoft.com/office/drawing/2014/main" id="{44A5AC6C-3A8D-4A2B-A29A-AC68BAAB5307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4" name="Freeform: Shape 83">
                <a:extLst>
                  <a:ext uri="{FF2B5EF4-FFF2-40B4-BE49-F238E27FC236}">
                    <a16:creationId xmlns="" xmlns:a16="http://schemas.microsoft.com/office/drawing/2014/main" id="{591FDC27-AB6F-42B1-9947-47F9AAE692C0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5" name="Freeform: Shape 84">
                <a:extLst>
                  <a:ext uri="{FF2B5EF4-FFF2-40B4-BE49-F238E27FC236}">
                    <a16:creationId xmlns="" xmlns:a16="http://schemas.microsoft.com/office/drawing/2014/main" id="{4E3A41FA-B814-42D7-948A-520D46BD20C7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6" name="Freeform: Shape 85">
                <a:extLst>
                  <a:ext uri="{FF2B5EF4-FFF2-40B4-BE49-F238E27FC236}">
                    <a16:creationId xmlns="" xmlns:a16="http://schemas.microsoft.com/office/drawing/2014/main" id="{3D8CDD91-4B7C-41EA-9A5F-7095EDFF4355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7" name="Freeform: Shape 86">
                <a:extLst>
                  <a:ext uri="{FF2B5EF4-FFF2-40B4-BE49-F238E27FC236}">
                    <a16:creationId xmlns="" xmlns:a16="http://schemas.microsoft.com/office/drawing/2014/main" id="{B07D9DA4-7B65-407C-80E5-8C12D8DC642B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8" name="Freeform: Shape 87">
                <a:extLst>
                  <a:ext uri="{FF2B5EF4-FFF2-40B4-BE49-F238E27FC236}">
                    <a16:creationId xmlns="" xmlns:a16="http://schemas.microsoft.com/office/drawing/2014/main" id="{35ED2325-F4E2-4EE0-932B-55604C78426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9" name="Freeform: Shape 88">
                <a:extLst>
                  <a:ext uri="{FF2B5EF4-FFF2-40B4-BE49-F238E27FC236}">
                    <a16:creationId xmlns="" xmlns:a16="http://schemas.microsoft.com/office/drawing/2014/main" id="{F04D6F7B-4913-4946-9D84-910C1A306455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0" name="Freeform: Shape 89">
                <a:extLst>
                  <a:ext uri="{FF2B5EF4-FFF2-40B4-BE49-F238E27FC236}">
                    <a16:creationId xmlns="" xmlns:a16="http://schemas.microsoft.com/office/drawing/2014/main" id="{E3EBAE8F-54EA-4966-99DB-91AA23C99BEB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1" name="Freeform: Shape 90">
                <a:extLst>
                  <a:ext uri="{FF2B5EF4-FFF2-40B4-BE49-F238E27FC236}">
                    <a16:creationId xmlns="" xmlns:a16="http://schemas.microsoft.com/office/drawing/2014/main" id="{96F958CD-2D62-4B8C-8A4B-3BA8A68C816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2" name="Freeform: Shape 91">
                <a:extLst>
                  <a:ext uri="{FF2B5EF4-FFF2-40B4-BE49-F238E27FC236}">
                    <a16:creationId xmlns="" xmlns:a16="http://schemas.microsoft.com/office/drawing/2014/main" id="{FF2A0956-D5F2-474D-9834-29061349DC21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3" name="Freeform: Shape 92">
                <a:extLst>
                  <a:ext uri="{FF2B5EF4-FFF2-40B4-BE49-F238E27FC236}">
                    <a16:creationId xmlns="" xmlns:a16="http://schemas.microsoft.com/office/drawing/2014/main" id="{A2557277-93E4-4C98-8EC2-4614D447CEDA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4" name="Freeform: Shape 93">
                <a:extLst>
                  <a:ext uri="{FF2B5EF4-FFF2-40B4-BE49-F238E27FC236}">
                    <a16:creationId xmlns="" xmlns:a16="http://schemas.microsoft.com/office/drawing/2014/main" id="{C256A59D-069B-4987-A7F6-46040DEF8E41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5" name="Freeform: Shape 94">
                <a:extLst>
                  <a:ext uri="{FF2B5EF4-FFF2-40B4-BE49-F238E27FC236}">
                    <a16:creationId xmlns="" xmlns:a16="http://schemas.microsoft.com/office/drawing/2014/main" id="{FB6F66DE-C44B-4591-BE5B-B0A74706E47A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6" name="Freeform: Shape 95">
                <a:extLst>
                  <a:ext uri="{FF2B5EF4-FFF2-40B4-BE49-F238E27FC236}">
                    <a16:creationId xmlns="" xmlns:a16="http://schemas.microsoft.com/office/drawing/2014/main" id="{F0369D1C-B15C-4BFA-BECD-E3C7A00D17AB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7" name="Freeform: Shape 96">
                <a:extLst>
                  <a:ext uri="{FF2B5EF4-FFF2-40B4-BE49-F238E27FC236}">
                    <a16:creationId xmlns="" xmlns:a16="http://schemas.microsoft.com/office/drawing/2014/main" id="{132F8776-F6F0-4836-98C5-5F3C6E45D1E6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8" name="Freeform: Shape 97">
                <a:extLst>
                  <a:ext uri="{FF2B5EF4-FFF2-40B4-BE49-F238E27FC236}">
                    <a16:creationId xmlns="" xmlns:a16="http://schemas.microsoft.com/office/drawing/2014/main" id="{5ADE6FD2-1A88-40B4-82A5-D613C54147FD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9" name="Freeform: Shape 98">
                <a:extLst>
                  <a:ext uri="{FF2B5EF4-FFF2-40B4-BE49-F238E27FC236}">
                    <a16:creationId xmlns="" xmlns:a16="http://schemas.microsoft.com/office/drawing/2014/main" id="{0037300B-BAFA-48ED-AADA-EF8E38156E5A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0" name="Freeform: Shape 99">
                <a:extLst>
                  <a:ext uri="{FF2B5EF4-FFF2-40B4-BE49-F238E27FC236}">
                    <a16:creationId xmlns="" xmlns:a16="http://schemas.microsoft.com/office/drawing/2014/main" id="{EA57CBE0-1BFD-4FA4-AAE0-C6CCC176FEE9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1" name="Freeform: Shape 100">
                <a:extLst>
                  <a:ext uri="{FF2B5EF4-FFF2-40B4-BE49-F238E27FC236}">
                    <a16:creationId xmlns="" xmlns:a16="http://schemas.microsoft.com/office/drawing/2014/main" id="{F996DAB0-2500-46A6-92E0-918A4877EA16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2" name="Freeform: Shape 101">
                <a:extLst>
                  <a:ext uri="{FF2B5EF4-FFF2-40B4-BE49-F238E27FC236}">
                    <a16:creationId xmlns="" xmlns:a16="http://schemas.microsoft.com/office/drawing/2014/main" id="{A4E7F717-DBBA-40CF-AE6F-1446FD805F0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3" name="Freeform: Shape 102">
                <a:extLst>
                  <a:ext uri="{FF2B5EF4-FFF2-40B4-BE49-F238E27FC236}">
                    <a16:creationId xmlns="" xmlns:a16="http://schemas.microsoft.com/office/drawing/2014/main" id="{BF742C87-E658-42EE-BA9A-0772DFDE0A99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4" name="Freeform: Shape 103">
                <a:extLst>
                  <a:ext uri="{FF2B5EF4-FFF2-40B4-BE49-F238E27FC236}">
                    <a16:creationId xmlns="" xmlns:a16="http://schemas.microsoft.com/office/drawing/2014/main" id="{15255B3C-35FD-4D0E-83DA-A8BAA52B668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5" name="Freeform: Shape 104">
                <a:extLst>
                  <a:ext uri="{FF2B5EF4-FFF2-40B4-BE49-F238E27FC236}">
                    <a16:creationId xmlns="" xmlns:a16="http://schemas.microsoft.com/office/drawing/2014/main" id="{C698C94E-324D-4D3E-98C6-8108C02D8022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6" name="Freeform: Shape 105">
                <a:extLst>
                  <a:ext uri="{FF2B5EF4-FFF2-40B4-BE49-F238E27FC236}">
                    <a16:creationId xmlns="" xmlns:a16="http://schemas.microsoft.com/office/drawing/2014/main" id="{3AE9D30E-C6FB-4E9E-AEDC-4DAF97079FB0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  <p:grpSp>
          <p:nvGrpSpPr>
            <p:cNvPr id="6" name="Group 5">
              <a:extLst>
                <a:ext uri="{FF2B5EF4-FFF2-40B4-BE49-F238E27FC236}">
                  <a16:creationId xmlns="" xmlns:a16="http://schemas.microsoft.com/office/drawing/2014/main" id="{B3A3BECA-C2E1-412A-B5F4-6F83E7F533B8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41" name="Freeform: Shape 40">
                <a:extLst>
                  <a:ext uri="{FF2B5EF4-FFF2-40B4-BE49-F238E27FC236}">
                    <a16:creationId xmlns="" xmlns:a16="http://schemas.microsoft.com/office/drawing/2014/main" id="{BC37E7D4-8E11-4129-AB58-46BBB4FFA9B3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2" name="Freeform: Shape 41">
                <a:extLst>
                  <a:ext uri="{FF2B5EF4-FFF2-40B4-BE49-F238E27FC236}">
                    <a16:creationId xmlns="" xmlns:a16="http://schemas.microsoft.com/office/drawing/2014/main" id="{781312BA-25D0-4BF4-89D0-6E722BC269BD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3" name="Freeform: Shape 42">
                <a:extLst>
                  <a:ext uri="{FF2B5EF4-FFF2-40B4-BE49-F238E27FC236}">
                    <a16:creationId xmlns="" xmlns:a16="http://schemas.microsoft.com/office/drawing/2014/main" id="{C45F69F5-95A2-46FA-B0A0-890097657C7F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4" name="Freeform: Shape 43">
                <a:extLst>
                  <a:ext uri="{FF2B5EF4-FFF2-40B4-BE49-F238E27FC236}">
                    <a16:creationId xmlns="" xmlns:a16="http://schemas.microsoft.com/office/drawing/2014/main" id="{5DD1588D-F375-4DEE-B102-0B42B31DCCCD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5" name="Freeform: Shape 44">
                <a:extLst>
                  <a:ext uri="{FF2B5EF4-FFF2-40B4-BE49-F238E27FC236}">
                    <a16:creationId xmlns="" xmlns:a16="http://schemas.microsoft.com/office/drawing/2014/main" id="{B17F49E7-B868-4377-B2A2-D84DEB4DF531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6" name="Freeform: Shape 45">
                <a:extLst>
                  <a:ext uri="{FF2B5EF4-FFF2-40B4-BE49-F238E27FC236}">
                    <a16:creationId xmlns="" xmlns:a16="http://schemas.microsoft.com/office/drawing/2014/main" id="{DE66DCA0-A018-42AD-A5B7-5099C7B412C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7" name="Freeform: Shape 46">
                <a:extLst>
                  <a:ext uri="{FF2B5EF4-FFF2-40B4-BE49-F238E27FC236}">
                    <a16:creationId xmlns="" xmlns:a16="http://schemas.microsoft.com/office/drawing/2014/main" id="{74780311-C66E-4AA1-9ACA-08B1FEEC9B09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8" name="Freeform: Shape 47">
                <a:extLst>
                  <a:ext uri="{FF2B5EF4-FFF2-40B4-BE49-F238E27FC236}">
                    <a16:creationId xmlns="" xmlns:a16="http://schemas.microsoft.com/office/drawing/2014/main" id="{5168E7E3-10B1-49E1-B8FE-866F722C64A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9" name="Freeform: Shape 48">
                <a:extLst>
                  <a:ext uri="{FF2B5EF4-FFF2-40B4-BE49-F238E27FC236}">
                    <a16:creationId xmlns="" xmlns:a16="http://schemas.microsoft.com/office/drawing/2014/main" id="{7744992B-A35D-4299-B6AD-4C2D05791730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0" name="Freeform: Shape 49">
                <a:extLst>
                  <a:ext uri="{FF2B5EF4-FFF2-40B4-BE49-F238E27FC236}">
                    <a16:creationId xmlns="" xmlns:a16="http://schemas.microsoft.com/office/drawing/2014/main" id="{ACC9583F-73E7-472E-BDA7-80EDE2E3EB25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1" name="Freeform: Shape 50">
                <a:extLst>
                  <a:ext uri="{FF2B5EF4-FFF2-40B4-BE49-F238E27FC236}">
                    <a16:creationId xmlns="" xmlns:a16="http://schemas.microsoft.com/office/drawing/2014/main" id="{BA6A54D5-1D54-4F79-AEE0-5E46BE8A69D4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2" name="Freeform: Shape 51">
                <a:extLst>
                  <a:ext uri="{FF2B5EF4-FFF2-40B4-BE49-F238E27FC236}">
                    <a16:creationId xmlns="" xmlns:a16="http://schemas.microsoft.com/office/drawing/2014/main" id="{99CEBF89-DC90-4F7E-A72F-630333B69D9A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3" name="Freeform: Shape 52">
                <a:extLst>
                  <a:ext uri="{FF2B5EF4-FFF2-40B4-BE49-F238E27FC236}">
                    <a16:creationId xmlns="" xmlns:a16="http://schemas.microsoft.com/office/drawing/2014/main" id="{B13C223B-C8E7-4D48-8B7A-8ACAD0AE439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4" name="Freeform: Shape 53">
                <a:extLst>
                  <a:ext uri="{FF2B5EF4-FFF2-40B4-BE49-F238E27FC236}">
                    <a16:creationId xmlns="" xmlns:a16="http://schemas.microsoft.com/office/drawing/2014/main" id="{0A59F74B-3FFA-41FE-84BD-758E54B6A91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5" name="Freeform: Shape 54">
                <a:extLst>
                  <a:ext uri="{FF2B5EF4-FFF2-40B4-BE49-F238E27FC236}">
                    <a16:creationId xmlns="" xmlns:a16="http://schemas.microsoft.com/office/drawing/2014/main" id="{BEE47432-075D-4849-AB5D-E36ACC476F4C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6" name="Freeform: Shape 55">
                <a:extLst>
                  <a:ext uri="{FF2B5EF4-FFF2-40B4-BE49-F238E27FC236}">
                    <a16:creationId xmlns="" xmlns:a16="http://schemas.microsoft.com/office/drawing/2014/main" id="{61A3C633-8C4D-4864-A4A3-80C517D8E24B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7" name="Freeform: Shape 56">
                <a:extLst>
                  <a:ext uri="{FF2B5EF4-FFF2-40B4-BE49-F238E27FC236}">
                    <a16:creationId xmlns="" xmlns:a16="http://schemas.microsoft.com/office/drawing/2014/main" id="{F7D3E993-AE0D-4ACF-BAE0-FAD3D0BB5F5C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8" name="Freeform: Shape 57">
                <a:extLst>
                  <a:ext uri="{FF2B5EF4-FFF2-40B4-BE49-F238E27FC236}">
                    <a16:creationId xmlns="" xmlns:a16="http://schemas.microsoft.com/office/drawing/2014/main" id="{4029193E-5A97-4EF9-9088-4C91BB2E73DC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9" name="Freeform: Shape 58">
                <a:extLst>
                  <a:ext uri="{FF2B5EF4-FFF2-40B4-BE49-F238E27FC236}">
                    <a16:creationId xmlns="" xmlns:a16="http://schemas.microsoft.com/office/drawing/2014/main" id="{0DA39C7D-D2F8-442A-951E-F43ACEB4BF3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0" name="Freeform: Shape 59">
                <a:extLst>
                  <a:ext uri="{FF2B5EF4-FFF2-40B4-BE49-F238E27FC236}">
                    <a16:creationId xmlns="" xmlns:a16="http://schemas.microsoft.com/office/drawing/2014/main" id="{C7F1CC79-AEB9-48EE-B970-75A31DE399CF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1" name="Freeform: Shape 60">
                <a:extLst>
                  <a:ext uri="{FF2B5EF4-FFF2-40B4-BE49-F238E27FC236}">
                    <a16:creationId xmlns="" xmlns:a16="http://schemas.microsoft.com/office/drawing/2014/main" id="{5C7EF045-42AE-4098-A72C-DE2358717E1D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2" name="Freeform: Shape 61">
                <a:extLst>
                  <a:ext uri="{FF2B5EF4-FFF2-40B4-BE49-F238E27FC236}">
                    <a16:creationId xmlns="" xmlns:a16="http://schemas.microsoft.com/office/drawing/2014/main" id="{1731EAA6-DECC-47E7-9613-792EAB70C663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3" name="Freeform: Shape 62">
                <a:extLst>
                  <a:ext uri="{FF2B5EF4-FFF2-40B4-BE49-F238E27FC236}">
                    <a16:creationId xmlns="" xmlns:a16="http://schemas.microsoft.com/office/drawing/2014/main" id="{B23F72DC-9047-4231-B2FD-6DAA9D5BA64B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4" name="Freeform: Shape 63">
                <a:extLst>
                  <a:ext uri="{FF2B5EF4-FFF2-40B4-BE49-F238E27FC236}">
                    <a16:creationId xmlns="" xmlns:a16="http://schemas.microsoft.com/office/drawing/2014/main" id="{6432F9CF-DCCF-4996-B7A2-4EB0E523E624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 dirty="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5" name="Freeform: Shape 64">
                <a:extLst>
                  <a:ext uri="{FF2B5EF4-FFF2-40B4-BE49-F238E27FC236}">
                    <a16:creationId xmlns="" xmlns:a16="http://schemas.microsoft.com/office/drawing/2014/main" id="{9AB52D68-AF7D-46EB-BB64-0A62E8A38E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6" name="Freeform: Shape 65">
                <a:extLst>
                  <a:ext uri="{FF2B5EF4-FFF2-40B4-BE49-F238E27FC236}">
                    <a16:creationId xmlns="" xmlns:a16="http://schemas.microsoft.com/office/drawing/2014/main" id="{A5AB64EC-A440-4677-90E6-E22B0B553468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7" name="Freeform: Shape 66">
                <a:extLst>
                  <a:ext uri="{FF2B5EF4-FFF2-40B4-BE49-F238E27FC236}">
                    <a16:creationId xmlns="" xmlns:a16="http://schemas.microsoft.com/office/drawing/2014/main" id="{D89749EF-FC11-4EDF-8C71-43D9A45BC63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8" name="Freeform: Shape 67">
                <a:extLst>
                  <a:ext uri="{FF2B5EF4-FFF2-40B4-BE49-F238E27FC236}">
                    <a16:creationId xmlns="" xmlns:a16="http://schemas.microsoft.com/office/drawing/2014/main" id="{A0AE09E6-9337-427F-ADF0-5A06A83A8912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9" name="Freeform: Shape 68">
                <a:extLst>
                  <a:ext uri="{FF2B5EF4-FFF2-40B4-BE49-F238E27FC236}">
                    <a16:creationId xmlns="" xmlns:a16="http://schemas.microsoft.com/office/drawing/2014/main" id="{D099960D-AA07-4EAE-99D1-8896CFA6817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0" name="Freeform: Shape 69">
                <a:extLst>
                  <a:ext uri="{FF2B5EF4-FFF2-40B4-BE49-F238E27FC236}">
                    <a16:creationId xmlns="" xmlns:a16="http://schemas.microsoft.com/office/drawing/2014/main" id="{7B7D79DB-9320-474F-A10C-AFEF68FD9E7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1" name="Freeform: Shape 70">
                <a:extLst>
                  <a:ext uri="{FF2B5EF4-FFF2-40B4-BE49-F238E27FC236}">
                    <a16:creationId xmlns="" xmlns:a16="http://schemas.microsoft.com/office/drawing/2014/main" id="{C3AE7253-3109-44C3-B4C3-050AB340DBBD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2" name="Freeform: Shape 71">
                <a:extLst>
                  <a:ext uri="{FF2B5EF4-FFF2-40B4-BE49-F238E27FC236}">
                    <a16:creationId xmlns="" xmlns:a16="http://schemas.microsoft.com/office/drawing/2014/main" id="{323238DA-2021-4699-A513-9D3521E60C36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3" name="Freeform: Shape 72">
                <a:extLst>
                  <a:ext uri="{FF2B5EF4-FFF2-40B4-BE49-F238E27FC236}">
                    <a16:creationId xmlns="" xmlns:a16="http://schemas.microsoft.com/office/drawing/2014/main" id="{CA8F0BB5-996B-4AB3-88D2-36B91F80714E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  <p:grpSp>
          <p:nvGrpSpPr>
            <p:cNvPr id="7" name="Group 6">
              <a:extLst>
                <a:ext uri="{FF2B5EF4-FFF2-40B4-BE49-F238E27FC236}">
                  <a16:creationId xmlns="" xmlns:a16="http://schemas.microsoft.com/office/drawing/2014/main" id="{394B8EEF-EDAB-4B97-882A-121630FA595B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8" name="Freeform: Shape 7">
                <a:extLst>
                  <a:ext uri="{FF2B5EF4-FFF2-40B4-BE49-F238E27FC236}">
                    <a16:creationId xmlns="" xmlns:a16="http://schemas.microsoft.com/office/drawing/2014/main" id="{695A823E-6C8A-4EAB-B69C-7B2892222F30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" name="Freeform: Shape 8">
                <a:extLst>
                  <a:ext uri="{FF2B5EF4-FFF2-40B4-BE49-F238E27FC236}">
                    <a16:creationId xmlns="" xmlns:a16="http://schemas.microsoft.com/office/drawing/2014/main" id="{74A1CF60-DE1B-4013-81ED-D0594E50833D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" name="Freeform: Shape 9">
                <a:extLst>
                  <a:ext uri="{FF2B5EF4-FFF2-40B4-BE49-F238E27FC236}">
                    <a16:creationId xmlns="" xmlns:a16="http://schemas.microsoft.com/office/drawing/2014/main" id="{043AB6DA-8376-4A08-8BF6-981238216EC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1" name="Freeform: Shape 10">
                <a:extLst>
                  <a:ext uri="{FF2B5EF4-FFF2-40B4-BE49-F238E27FC236}">
                    <a16:creationId xmlns="" xmlns:a16="http://schemas.microsoft.com/office/drawing/2014/main" id="{E7CABB8B-0B4A-4498-BEA3-55055F3BBC13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2" name="Freeform: Shape 11">
                <a:extLst>
                  <a:ext uri="{FF2B5EF4-FFF2-40B4-BE49-F238E27FC236}">
                    <a16:creationId xmlns="" xmlns:a16="http://schemas.microsoft.com/office/drawing/2014/main" id="{E16149C8-604C-49E5-87F0-02FBB0397B31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3" name="Freeform: Shape 12">
                <a:extLst>
                  <a:ext uri="{FF2B5EF4-FFF2-40B4-BE49-F238E27FC236}">
                    <a16:creationId xmlns="" xmlns:a16="http://schemas.microsoft.com/office/drawing/2014/main" id="{8EBC0BDC-E5AE-4FDA-ACA4-BA4776B9ED5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4" name="Freeform: Shape 13">
                <a:extLst>
                  <a:ext uri="{FF2B5EF4-FFF2-40B4-BE49-F238E27FC236}">
                    <a16:creationId xmlns="" xmlns:a16="http://schemas.microsoft.com/office/drawing/2014/main" id="{F04FF7BB-F890-44A7-87BF-306C343C8DBA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5" name="Freeform: Shape 14">
                <a:extLst>
                  <a:ext uri="{FF2B5EF4-FFF2-40B4-BE49-F238E27FC236}">
                    <a16:creationId xmlns="" xmlns:a16="http://schemas.microsoft.com/office/drawing/2014/main" id="{E4E62A49-7E88-4860-ACDD-5413169AC4EA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6" name="Freeform: Shape 15">
                <a:extLst>
                  <a:ext uri="{FF2B5EF4-FFF2-40B4-BE49-F238E27FC236}">
                    <a16:creationId xmlns="" xmlns:a16="http://schemas.microsoft.com/office/drawing/2014/main" id="{1BD22424-0F35-4AAC-8C28-D061CA296084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7" name="Freeform: Shape 16">
                <a:extLst>
                  <a:ext uri="{FF2B5EF4-FFF2-40B4-BE49-F238E27FC236}">
                    <a16:creationId xmlns="" xmlns:a16="http://schemas.microsoft.com/office/drawing/2014/main" id="{2AD73FD7-E680-4E75-B341-AE6652121287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8" name="Freeform: Shape 17">
                <a:extLst>
                  <a:ext uri="{FF2B5EF4-FFF2-40B4-BE49-F238E27FC236}">
                    <a16:creationId xmlns="" xmlns:a16="http://schemas.microsoft.com/office/drawing/2014/main" id="{CD0C96BB-5C14-432C-8F77-A9DDD7EACC30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9" name="Freeform: Shape 18">
                <a:extLst>
                  <a:ext uri="{FF2B5EF4-FFF2-40B4-BE49-F238E27FC236}">
                    <a16:creationId xmlns="" xmlns:a16="http://schemas.microsoft.com/office/drawing/2014/main" id="{DDF670EF-9507-4B62-9C47-B3F9C29024F8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0" name="Freeform: Shape 19">
                <a:extLst>
                  <a:ext uri="{FF2B5EF4-FFF2-40B4-BE49-F238E27FC236}">
                    <a16:creationId xmlns="" xmlns:a16="http://schemas.microsoft.com/office/drawing/2014/main" id="{E0FF1957-31ED-40CD-BF24-26B6811C361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1" name="Freeform: Shape 20">
                <a:extLst>
                  <a:ext uri="{FF2B5EF4-FFF2-40B4-BE49-F238E27FC236}">
                    <a16:creationId xmlns="" xmlns:a16="http://schemas.microsoft.com/office/drawing/2014/main" id="{35F50EAA-6959-4A17-8FF4-F4AF0F8DCEAE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2" name="Freeform: Shape 21">
                <a:extLst>
                  <a:ext uri="{FF2B5EF4-FFF2-40B4-BE49-F238E27FC236}">
                    <a16:creationId xmlns="" xmlns:a16="http://schemas.microsoft.com/office/drawing/2014/main" id="{98859B2A-A0CB-4A15-8B4F-2974553343B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3" name="Freeform: Shape 22">
                <a:extLst>
                  <a:ext uri="{FF2B5EF4-FFF2-40B4-BE49-F238E27FC236}">
                    <a16:creationId xmlns="" xmlns:a16="http://schemas.microsoft.com/office/drawing/2014/main" id="{BDBD938A-9AE8-4F38-AAA6-39E236495854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4" name="Freeform: Shape 23">
                <a:extLst>
                  <a:ext uri="{FF2B5EF4-FFF2-40B4-BE49-F238E27FC236}">
                    <a16:creationId xmlns="" xmlns:a16="http://schemas.microsoft.com/office/drawing/2014/main" id="{179F7FDE-FBDE-447E-8473-7252EA5F9AC9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5" name="Freeform: Shape 24">
                <a:extLst>
                  <a:ext uri="{FF2B5EF4-FFF2-40B4-BE49-F238E27FC236}">
                    <a16:creationId xmlns="" xmlns:a16="http://schemas.microsoft.com/office/drawing/2014/main" id="{95617CF1-38DB-4956-8918-7E8EE9631EDC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6" name="Freeform: Shape 25">
                <a:extLst>
                  <a:ext uri="{FF2B5EF4-FFF2-40B4-BE49-F238E27FC236}">
                    <a16:creationId xmlns="" xmlns:a16="http://schemas.microsoft.com/office/drawing/2014/main" id="{246E1A3C-B0B4-4A13-91F0-07E4857E34CA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7" name="Freeform: Shape 26">
                <a:extLst>
                  <a:ext uri="{FF2B5EF4-FFF2-40B4-BE49-F238E27FC236}">
                    <a16:creationId xmlns="" xmlns:a16="http://schemas.microsoft.com/office/drawing/2014/main" id="{69B16B7D-8F21-4185-8D47-D00ADFAF125F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8" name="Freeform: Shape 27">
                <a:extLst>
                  <a:ext uri="{FF2B5EF4-FFF2-40B4-BE49-F238E27FC236}">
                    <a16:creationId xmlns="" xmlns:a16="http://schemas.microsoft.com/office/drawing/2014/main" id="{43A91980-6114-4A22-ADB2-B19387D638F9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9" name="Freeform: Shape 28">
                <a:extLst>
                  <a:ext uri="{FF2B5EF4-FFF2-40B4-BE49-F238E27FC236}">
                    <a16:creationId xmlns="" xmlns:a16="http://schemas.microsoft.com/office/drawing/2014/main" id="{59C75790-8B8A-4004-B5B2-F89F8F7F325E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0" name="Freeform: Shape 29">
                <a:extLst>
                  <a:ext uri="{FF2B5EF4-FFF2-40B4-BE49-F238E27FC236}">
                    <a16:creationId xmlns="" xmlns:a16="http://schemas.microsoft.com/office/drawing/2014/main" id="{E8DEE448-B2C4-4802-85EF-64A6B96BDFA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1" name="Freeform: Shape 30">
                <a:extLst>
                  <a:ext uri="{FF2B5EF4-FFF2-40B4-BE49-F238E27FC236}">
                    <a16:creationId xmlns="" xmlns:a16="http://schemas.microsoft.com/office/drawing/2014/main" id="{CF4BF9BF-560B-4090-A117-E3ED92698BD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2" name="Freeform: Shape 31">
                <a:extLst>
                  <a:ext uri="{FF2B5EF4-FFF2-40B4-BE49-F238E27FC236}">
                    <a16:creationId xmlns="" xmlns:a16="http://schemas.microsoft.com/office/drawing/2014/main" id="{93196953-B88F-4DEC-81AC-87FD72D6134B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3" name="Freeform: Shape 32">
                <a:extLst>
                  <a:ext uri="{FF2B5EF4-FFF2-40B4-BE49-F238E27FC236}">
                    <a16:creationId xmlns="" xmlns:a16="http://schemas.microsoft.com/office/drawing/2014/main" id="{C065E188-6B05-4A95-A174-164F3730A9D5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4" name="Freeform: Shape 33">
                <a:extLst>
                  <a:ext uri="{FF2B5EF4-FFF2-40B4-BE49-F238E27FC236}">
                    <a16:creationId xmlns="" xmlns:a16="http://schemas.microsoft.com/office/drawing/2014/main" id="{3FB19C50-5C09-4181-8A11-7B2258C7DA97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5" name="Freeform: Shape 34">
                <a:extLst>
                  <a:ext uri="{FF2B5EF4-FFF2-40B4-BE49-F238E27FC236}">
                    <a16:creationId xmlns="" xmlns:a16="http://schemas.microsoft.com/office/drawing/2014/main" id="{81570401-1A86-403D-8B52-579A457DA9A7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6" name="Freeform: Shape 35">
                <a:extLst>
                  <a:ext uri="{FF2B5EF4-FFF2-40B4-BE49-F238E27FC236}">
                    <a16:creationId xmlns="" xmlns:a16="http://schemas.microsoft.com/office/drawing/2014/main" id="{58684503-52E4-476B-B530-73B75F30AD64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7" name="Freeform: Shape 36">
                <a:extLst>
                  <a:ext uri="{FF2B5EF4-FFF2-40B4-BE49-F238E27FC236}">
                    <a16:creationId xmlns="" xmlns:a16="http://schemas.microsoft.com/office/drawing/2014/main" id="{E3DE3782-FE3F-45B3-9A3F-8400A2650555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8" name="Freeform: Shape 37">
                <a:extLst>
                  <a:ext uri="{FF2B5EF4-FFF2-40B4-BE49-F238E27FC236}">
                    <a16:creationId xmlns="" xmlns:a16="http://schemas.microsoft.com/office/drawing/2014/main" id="{6735E315-91FC-42D0-AC15-58416B3C42F6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9" name="Freeform: Shape 38">
                <a:extLst>
                  <a:ext uri="{FF2B5EF4-FFF2-40B4-BE49-F238E27FC236}">
                    <a16:creationId xmlns="" xmlns:a16="http://schemas.microsoft.com/office/drawing/2014/main" id="{6E277E6F-43D1-45B9-B5CA-C14869A4DD3F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0" name="Freeform: Shape 39">
                <a:extLst>
                  <a:ext uri="{FF2B5EF4-FFF2-40B4-BE49-F238E27FC236}">
                    <a16:creationId xmlns="" xmlns:a16="http://schemas.microsoft.com/office/drawing/2014/main" id="{F9995011-083F-4FC6-97A0-9C4FE8C2D6F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pic>
        <p:nvPicPr>
          <p:cNvPr id="3" name="Picture 2">
            <a:extLst>
              <a:ext uri="{FF2B5EF4-FFF2-40B4-BE49-F238E27FC236}">
                <a16:creationId xmlns="" xmlns:a16="http://schemas.microsoft.com/office/drawing/2014/main" id="{FE048669-4E5C-4A2F-8A96-DA1CF0606B8E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2237" t="-18143" r="-2662" b="-11286"/>
          <a:stretch/>
        </p:blipFill>
        <p:spPr>
          <a:xfrm>
            <a:off x="-824782" y="7271979"/>
            <a:ext cx="7878726" cy="8272821"/>
          </a:xfrm>
          <a:prstGeom prst="rect">
            <a:avLst/>
          </a:prstGeom>
        </p:spPr>
      </p:pic>
      <p:sp>
        <p:nvSpPr>
          <p:cNvPr id="107" name="TextBox 106">
            <a:extLst>
              <a:ext uri="{FF2B5EF4-FFF2-40B4-BE49-F238E27FC236}">
                <a16:creationId xmlns="" xmlns:a16="http://schemas.microsoft.com/office/drawing/2014/main" id="{1AD869A3-A44C-4AB9-A5C5-6A2FE7B611B3}"/>
              </a:ext>
            </a:extLst>
          </p:cNvPr>
          <p:cNvSpPr txBox="1"/>
          <p:nvPr/>
        </p:nvSpPr>
        <p:spPr>
          <a:xfrm>
            <a:off x="303312" y="4560812"/>
            <a:ext cx="4817161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defTabSz="128565">
              <a:defRPr/>
            </a:pPr>
            <a:r>
              <a:rPr lang="en-US" sz="8000" b="1" dirty="0" err="1" smtClean="0">
                <a:solidFill>
                  <a:srgbClr val="FFFFFF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Petualangan</a:t>
            </a:r>
            <a:endParaRPr lang="en-US" sz="8000" b="1" dirty="0">
              <a:solidFill>
                <a:srgbClr val="FFFFFF"/>
              </a:solidFill>
              <a:latin typeface="Open Sans Extrabold" panose="020B0906030804020204" pitchFamily="34" charset="0"/>
              <a:ea typeface="Open Sans Extrabold" panose="020B0906030804020204" pitchFamily="34" charset="0"/>
              <a:cs typeface="Open Sans Extrabold" panose="020B0906030804020204" pitchFamily="34" charset="0"/>
            </a:endParaRPr>
          </a:p>
        </p:txBody>
      </p:sp>
      <p:sp>
        <p:nvSpPr>
          <p:cNvPr id="108" name="TextBox 107">
            <a:extLst>
              <a:ext uri="{FF2B5EF4-FFF2-40B4-BE49-F238E27FC236}">
                <a16:creationId xmlns="" xmlns:a16="http://schemas.microsoft.com/office/drawing/2014/main" id="{ECE22370-3184-44E7-BFAC-E2900B3032FC}"/>
              </a:ext>
            </a:extLst>
          </p:cNvPr>
          <p:cNvSpPr txBox="1"/>
          <p:nvPr/>
        </p:nvSpPr>
        <p:spPr>
          <a:xfrm>
            <a:off x="1134887" y="6278419"/>
            <a:ext cx="273156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defTabSz="128565"/>
            <a:r>
              <a:rPr lang="en-US" sz="3200" b="1" dirty="0" smtClean="0">
                <a:solidFill>
                  <a:srgbClr val="F29122"/>
                </a:solidFill>
                <a:latin typeface="Calibri"/>
              </a:rPr>
              <a:t>“</a:t>
            </a:r>
            <a:r>
              <a:rPr lang="en-US" sz="3200" b="1" dirty="0" smtClean="0">
                <a:solidFill>
                  <a:srgbClr val="F29122"/>
                </a:solidFill>
                <a:latin typeface="Calibri"/>
              </a:rPr>
              <a:t>Tax Edition” </a:t>
            </a:r>
            <a:endParaRPr lang="en-US" sz="3200" b="1" dirty="0">
              <a:solidFill>
                <a:srgbClr val="F29122"/>
              </a:solidFill>
              <a:latin typeface="Calibri"/>
            </a:endParaRPr>
          </a:p>
        </p:txBody>
      </p:sp>
      <p:pic>
        <p:nvPicPr>
          <p:cNvPr id="109" name="Picture 108">
            <a:extLst>
              <a:ext uri="{FF2B5EF4-FFF2-40B4-BE49-F238E27FC236}">
                <a16:creationId xmlns="" xmlns:a16="http://schemas.microsoft.com/office/drawing/2014/main" id="{99D5A617-B7B1-49C6-AAF8-AEE1B8430A13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80502" y="1443659"/>
            <a:ext cx="2260434" cy="2364845"/>
          </a:xfrm>
          <a:prstGeom prst="rect">
            <a:avLst/>
          </a:prstGeom>
        </p:spPr>
      </p:pic>
      <p:grpSp>
        <p:nvGrpSpPr>
          <p:cNvPr id="110" name="Group 109">
            <a:extLst>
              <a:ext uri="{FF2B5EF4-FFF2-40B4-BE49-F238E27FC236}">
                <a16:creationId xmlns="" xmlns:a16="http://schemas.microsoft.com/office/drawing/2014/main" id="{8FE597F5-5E36-4169-9E0E-A0614ED5DD9E}"/>
              </a:ext>
            </a:extLst>
          </p:cNvPr>
          <p:cNvGrpSpPr/>
          <p:nvPr/>
        </p:nvGrpSpPr>
        <p:grpSpPr>
          <a:xfrm>
            <a:off x="5186150" y="1938643"/>
            <a:ext cx="1318157" cy="930465"/>
            <a:chOff x="17029828" y="5557001"/>
            <a:chExt cx="1150338" cy="812004"/>
          </a:xfrm>
        </p:grpSpPr>
        <p:sp>
          <p:nvSpPr>
            <p:cNvPr id="111" name="Freeform: Shape 110">
              <a:extLst>
                <a:ext uri="{FF2B5EF4-FFF2-40B4-BE49-F238E27FC236}">
                  <a16:creationId xmlns="" xmlns:a16="http://schemas.microsoft.com/office/drawing/2014/main" id="{4DD780BC-A35A-4718-8FD0-00799B8E428D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2" name="Freeform: Shape 111">
              <a:extLst>
                <a:ext uri="{FF2B5EF4-FFF2-40B4-BE49-F238E27FC236}">
                  <a16:creationId xmlns="" xmlns:a16="http://schemas.microsoft.com/office/drawing/2014/main" id="{CC4BD9C7-7CC5-41F7-A09E-36741C8731F7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3" name="Freeform: Shape 112">
              <a:extLst>
                <a:ext uri="{FF2B5EF4-FFF2-40B4-BE49-F238E27FC236}">
                  <a16:creationId xmlns="" xmlns:a16="http://schemas.microsoft.com/office/drawing/2014/main" id="{82064923-7E1D-462D-8E31-979CE2CDC266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4" name="Freeform: Shape 113">
              <a:extLst>
                <a:ext uri="{FF2B5EF4-FFF2-40B4-BE49-F238E27FC236}">
                  <a16:creationId xmlns="" xmlns:a16="http://schemas.microsoft.com/office/drawing/2014/main" id="{3B466A1B-9376-46B0-A8A3-C4F05BBDCDC7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5" name="Freeform: Shape 114">
              <a:extLst>
                <a:ext uri="{FF2B5EF4-FFF2-40B4-BE49-F238E27FC236}">
                  <a16:creationId xmlns="" xmlns:a16="http://schemas.microsoft.com/office/drawing/2014/main" id="{689BC9D6-1AB0-452B-B46D-51616CC246AB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6" name="Freeform: Shape 115">
              <a:extLst>
                <a:ext uri="{FF2B5EF4-FFF2-40B4-BE49-F238E27FC236}">
                  <a16:creationId xmlns="" xmlns:a16="http://schemas.microsoft.com/office/drawing/2014/main" id="{913CCC67-39A3-413E-931F-6F3493F64B2D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7" name="Freeform: Shape 116">
              <a:extLst>
                <a:ext uri="{FF2B5EF4-FFF2-40B4-BE49-F238E27FC236}">
                  <a16:creationId xmlns="" xmlns:a16="http://schemas.microsoft.com/office/drawing/2014/main" id="{DC438494-4CFD-4216-AD81-E1F29C89FCC4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8" name="Freeform: Shape 117">
              <a:extLst>
                <a:ext uri="{FF2B5EF4-FFF2-40B4-BE49-F238E27FC236}">
                  <a16:creationId xmlns="" xmlns:a16="http://schemas.microsoft.com/office/drawing/2014/main" id="{5F130D73-EE90-422E-A4B5-9A0A30DD6137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19" name="Group 118">
            <a:extLst>
              <a:ext uri="{FF2B5EF4-FFF2-40B4-BE49-F238E27FC236}">
                <a16:creationId xmlns="" xmlns:a16="http://schemas.microsoft.com/office/drawing/2014/main" id="{B886E67F-A8F8-45E4-8261-5A4A22D573F8}"/>
              </a:ext>
            </a:extLst>
          </p:cNvPr>
          <p:cNvGrpSpPr/>
          <p:nvPr/>
        </p:nvGrpSpPr>
        <p:grpSpPr>
          <a:xfrm>
            <a:off x="4082613" y="3354123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120" name="Freeform: Shape 119">
              <a:extLst>
                <a:ext uri="{FF2B5EF4-FFF2-40B4-BE49-F238E27FC236}">
                  <a16:creationId xmlns="" xmlns:a16="http://schemas.microsoft.com/office/drawing/2014/main" id="{0E889FEB-4B74-4037-9ABF-1A1F1784F630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1" name="Freeform: Shape 120">
              <a:extLst>
                <a:ext uri="{FF2B5EF4-FFF2-40B4-BE49-F238E27FC236}">
                  <a16:creationId xmlns="" xmlns:a16="http://schemas.microsoft.com/office/drawing/2014/main" id="{A3D77982-150E-48F9-AF56-2C84F7368288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2" name="Freeform: Shape 121">
              <a:extLst>
                <a:ext uri="{FF2B5EF4-FFF2-40B4-BE49-F238E27FC236}">
                  <a16:creationId xmlns="" xmlns:a16="http://schemas.microsoft.com/office/drawing/2014/main" id="{A28FF5A2-7044-4731-B636-95618DF5B440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3" name="Freeform: Shape 122">
              <a:extLst>
                <a:ext uri="{FF2B5EF4-FFF2-40B4-BE49-F238E27FC236}">
                  <a16:creationId xmlns="" xmlns:a16="http://schemas.microsoft.com/office/drawing/2014/main" id="{75C07477-999A-46AB-BFBF-F1D07C2BD34A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4" name="Freeform: Shape 123">
              <a:extLst>
                <a:ext uri="{FF2B5EF4-FFF2-40B4-BE49-F238E27FC236}">
                  <a16:creationId xmlns="" xmlns:a16="http://schemas.microsoft.com/office/drawing/2014/main" id="{FFCC7854-0E5F-40FD-AC56-AF7E220955ED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25" name="Group 124">
            <a:extLst>
              <a:ext uri="{FF2B5EF4-FFF2-40B4-BE49-F238E27FC236}">
                <a16:creationId xmlns="" xmlns:a16="http://schemas.microsoft.com/office/drawing/2014/main" id="{D7AA5BC3-0722-4CC7-BA4E-966F6B7B40A9}"/>
              </a:ext>
            </a:extLst>
          </p:cNvPr>
          <p:cNvGrpSpPr/>
          <p:nvPr/>
        </p:nvGrpSpPr>
        <p:grpSpPr>
          <a:xfrm>
            <a:off x="4601426" y="768844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126" name="Freeform: Shape 125">
              <a:extLst>
                <a:ext uri="{FF2B5EF4-FFF2-40B4-BE49-F238E27FC236}">
                  <a16:creationId xmlns="" xmlns:a16="http://schemas.microsoft.com/office/drawing/2014/main" id="{93DEB844-80CA-4F00-BFC1-715079D63D84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7" name="Freeform: Shape 126">
              <a:extLst>
                <a:ext uri="{FF2B5EF4-FFF2-40B4-BE49-F238E27FC236}">
                  <a16:creationId xmlns="" xmlns:a16="http://schemas.microsoft.com/office/drawing/2014/main" id="{34435C7F-F541-4D5D-ADAC-F7636D67DF7F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8" name="Freeform: Shape 127">
              <a:extLst>
                <a:ext uri="{FF2B5EF4-FFF2-40B4-BE49-F238E27FC236}">
                  <a16:creationId xmlns="" xmlns:a16="http://schemas.microsoft.com/office/drawing/2014/main" id="{A5CF40DD-0069-4A41-8C4A-34C2867A7F0F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9" name="Freeform: Shape 128">
              <a:extLst>
                <a:ext uri="{FF2B5EF4-FFF2-40B4-BE49-F238E27FC236}">
                  <a16:creationId xmlns="" xmlns:a16="http://schemas.microsoft.com/office/drawing/2014/main" id="{E7E804FB-2A41-48B7-958C-7E98E6EA73A0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0" name="Freeform: Shape 129">
              <a:extLst>
                <a:ext uri="{FF2B5EF4-FFF2-40B4-BE49-F238E27FC236}">
                  <a16:creationId xmlns="" xmlns:a16="http://schemas.microsoft.com/office/drawing/2014/main" id="{0C47AA6F-757A-4148-87FF-FC8FF4C53C83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1" name="Freeform: Shape 130">
              <a:extLst>
                <a:ext uri="{FF2B5EF4-FFF2-40B4-BE49-F238E27FC236}">
                  <a16:creationId xmlns="" xmlns:a16="http://schemas.microsoft.com/office/drawing/2014/main" id="{EF1AC6E8-624A-4101-B993-CC31F7FC0719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2" name="Freeform: Shape 131">
              <a:extLst>
                <a:ext uri="{FF2B5EF4-FFF2-40B4-BE49-F238E27FC236}">
                  <a16:creationId xmlns="" xmlns:a16="http://schemas.microsoft.com/office/drawing/2014/main" id="{F5E3A933-76D2-4BCA-9DA8-5E245C61D8A3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3" name="Freeform: Shape 132">
              <a:extLst>
                <a:ext uri="{FF2B5EF4-FFF2-40B4-BE49-F238E27FC236}">
                  <a16:creationId xmlns="" xmlns:a16="http://schemas.microsoft.com/office/drawing/2014/main" id="{7AEC9A97-BB5A-458B-BAB3-DD88667D2DBE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4" name="Freeform: Shape 133">
              <a:extLst>
                <a:ext uri="{FF2B5EF4-FFF2-40B4-BE49-F238E27FC236}">
                  <a16:creationId xmlns="" xmlns:a16="http://schemas.microsoft.com/office/drawing/2014/main" id="{06470992-1533-40A9-80F5-6758733E8CB7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5" name="Freeform: Shape 134">
              <a:extLst>
                <a:ext uri="{FF2B5EF4-FFF2-40B4-BE49-F238E27FC236}">
                  <a16:creationId xmlns="" xmlns:a16="http://schemas.microsoft.com/office/drawing/2014/main" id="{9D852B61-DD4F-4CF9-B27D-A32715BA804D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6" name="Freeform: Shape 135">
              <a:extLst>
                <a:ext uri="{FF2B5EF4-FFF2-40B4-BE49-F238E27FC236}">
                  <a16:creationId xmlns="" xmlns:a16="http://schemas.microsoft.com/office/drawing/2014/main" id="{93B7DAC2-E100-4CB8-A9EA-A9EC2202308E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7" name="Freeform: Shape 136">
              <a:extLst>
                <a:ext uri="{FF2B5EF4-FFF2-40B4-BE49-F238E27FC236}">
                  <a16:creationId xmlns="" xmlns:a16="http://schemas.microsoft.com/office/drawing/2014/main" id="{949D90F0-7F1B-4F0C-8054-158613378D09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8" name="Freeform: Shape 137">
              <a:extLst>
                <a:ext uri="{FF2B5EF4-FFF2-40B4-BE49-F238E27FC236}">
                  <a16:creationId xmlns="" xmlns:a16="http://schemas.microsoft.com/office/drawing/2014/main" id="{5A81C6F0-F82E-4912-A848-652DDCC4CDAB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9" name="Freeform: Shape 138">
              <a:extLst>
                <a:ext uri="{FF2B5EF4-FFF2-40B4-BE49-F238E27FC236}">
                  <a16:creationId xmlns="" xmlns:a16="http://schemas.microsoft.com/office/drawing/2014/main" id="{1BEE890B-5FF9-4E71-971C-6156DF740588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0" name="Freeform: Shape 139">
              <a:extLst>
                <a:ext uri="{FF2B5EF4-FFF2-40B4-BE49-F238E27FC236}">
                  <a16:creationId xmlns="" xmlns:a16="http://schemas.microsoft.com/office/drawing/2014/main" id="{98847182-52BF-47FD-BA38-E6CBEDB881F9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1" name="Freeform: Shape 140">
              <a:extLst>
                <a:ext uri="{FF2B5EF4-FFF2-40B4-BE49-F238E27FC236}">
                  <a16:creationId xmlns="" xmlns:a16="http://schemas.microsoft.com/office/drawing/2014/main" id="{39D92A46-D9BC-4010-8FE9-2D4430B371E1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2" name="Freeform: Shape 141">
              <a:extLst>
                <a:ext uri="{FF2B5EF4-FFF2-40B4-BE49-F238E27FC236}">
                  <a16:creationId xmlns="" xmlns:a16="http://schemas.microsoft.com/office/drawing/2014/main" id="{11124D3B-9D2C-4B4A-A4FF-9C4118D571D7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43" name="Group 142">
            <a:extLst>
              <a:ext uri="{FF2B5EF4-FFF2-40B4-BE49-F238E27FC236}">
                <a16:creationId xmlns="" xmlns:a16="http://schemas.microsoft.com/office/drawing/2014/main" id="{A5438C54-262E-4085-B2EE-CFC6D88784F6}"/>
              </a:ext>
            </a:extLst>
          </p:cNvPr>
          <p:cNvGrpSpPr/>
          <p:nvPr/>
        </p:nvGrpSpPr>
        <p:grpSpPr>
          <a:xfrm>
            <a:off x="3537868" y="2002075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144" name="Freeform: Shape 143">
              <a:extLst>
                <a:ext uri="{FF2B5EF4-FFF2-40B4-BE49-F238E27FC236}">
                  <a16:creationId xmlns="" xmlns:a16="http://schemas.microsoft.com/office/drawing/2014/main" id="{B2E0CBCB-6D85-4A2D-9209-2F1BBD7BDFF0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5" name="Freeform: Shape 144">
              <a:extLst>
                <a:ext uri="{FF2B5EF4-FFF2-40B4-BE49-F238E27FC236}">
                  <a16:creationId xmlns="" xmlns:a16="http://schemas.microsoft.com/office/drawing/2014/main" id="{ACB63ED9-7B24-4C33-9A18-122FD4315C2C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6" name="Freeform: Shape 145">
              <a:extLst>
                <a:ext uri="{FF2B5EF4-FFF2-40B4-BE49-F238E27FC236}">
                  <a16:creationId xmlns="" xmlns:a16="http://schemas.microsoft.com/office/drawing/2014/main" id="{5A5444B1-1E90-4B4E-BE12-D7CCBD8EC20E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7" name="Freeform: Shape 146">
              <a:extLst>
                <a:ext uri="{FF2B5EF4-FFF2-40B4-BE49-F238E27FC236}">
                  <a16:creationId xmlns="" xmlns:a16="http://schemas.microsoft.com/office/drawing/2014/main" id="{FFA59011-5F63-4D5E-BCB4-C4CD516CE26C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8" name="Freeform: Shape 147">
              <a:extLst>
                <a:ext uri="{FF2B5EF4-FFF2-40B4-BE49-F238E27FC236}">
                  <a16:creationId xmlns="" xmlns:a16="http://schemas.microsoft.com/office/drawing/2014/main" id="{CA4B48CB-379C-44DB-9ABA-E276C6C1A2EA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9" name="Freeform: Shape 148">
              <a:extLst>
                <a:ext uri="{FF2B5EF4-FFF2-40B4-BE49-F238E27FC236}">
                  <a16:creationId xmlns="" xmlns:a16="http://schemas.microsoft.com/office/drawing/2014/main" id="{72D5DBD6-63B1-444B-BD1E-F39669F4F18D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pic>
        <p:nvPicPr>
          <p:cNvPr id="150" name="Picture 149">
            <a:extLst>
              <a:ext uri="{FF2B5EF4-FFF2-40B4-BE49-F238E27FC236}">
                <a16:creationId xmlns="" xmlns:a16="http://schemas.microsoft.com/office/drawing/2014/main" id="{AF24CB3D-A3EF-45C6-BAA8-3D7BF2A3569A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65208" y="5645420"/>
            <a:ext cx="1489887" cy="2166597"/>
          </a:xfrm>
          <a:prstGeom prst="rect">
            <a:avLst/>
          </a:prstGeom>
        </p:spPr>
      </p:pic>
      <p:pic>
        <p:nvPicPr>
          <p:cNvPr id="151" name="Picture 150">
            <a:extLst>
              <a:ext uri="{FF2B5EF4-FFF2-40B4-BE49-F238E27FC236}">
                <a16:creationId xmlns="" xmlns:a16="http://schemas.microsoft.com/office/drawing/2014/main" id="{13B42010-D634-4727-8B1C-C1AEF332989C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63143" y="7291635"/>
            <a:ext cx="1850443" cy="2219541"/>
          </a:xfrm>
          <a:prstGeom prst="rect">
            <a:avLst/>
          </a:prstGeom>
        </p:spPr>
      </p:pic>
      <p:pic>
        <p:nvPicPr>
          <p:cNvPr id="152" name="Picture 151">
            <a:extLst>
              <a:ext uri="{FF2B5EF4-FFF2-40B4-BE49-F238E27FC236}">
                <a16:creationId xmlns="" xmlns:a16="http://schemas.microsoft.com/office/drawing/2014/main" id="{D3D6ED5E-7977-42C4-B0FA-B5E3C29BBE96}"/>
              </a:ext>
            </a:extLst>
          </p:cNvPr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79893" y="3522680"/>
            <a:ext cx="1745843" cy="1745843"/>
          </a:xfrm>
          <a:prstGeom prst="rect">
            <a:avLst/>
          </a:prstGeom>
        </p:spPr>
      </p:pic>
      <p:sp>
        <p:nvSpPr>
          <p:cNvPr id="153" name="TextBox 152">
            <a:extLst>
              <a:ext uri="{FF2B5EF4-FFF2-40B4-BE49-F238E27FC236}">
                <a16:creationId xmlns="" xmlns:a16="http://schemas.microsoft.com/office/drawing/2014/main" id="{16B05D21-658F-420F-858F-24AF695D4F56}"/>
              </a:ext>
            </a:extLst>
          </p:cNvPr>
          <p:cNvSpPr txBox="1"/>
          <p:nvPr/>
        </p:nvSpPr>
        <p:spPr>
          <a:xfrm>
            <a:off x="1773917" y="247204"/>
            <a:ext cx="3222545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128565">
              <a:defRPr/>
            </a:pPr>
            <a:r>
              <a:rPr lang="en-US" sz="5400" b="1" dirty="0">
                <a:solidFill>
                  <a:srgbClr val="FFFFFF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Home</a:t>
            </a:r>
          </a:p>
        </p:txBody>
      </p:sp>
      <p:grpSp>
        <p:nvGrpSpPr>
          <p:cNvPr id="154" name="Group 153">
            <a:extLst>
              <a:ext uri="{FF2B5EF4-FFF2-40B4-BE49-F238E27FC236}">
                <a16:creationId xmlns="" xmlns:a16="http://schemas.microsoft.com/office/drawing/2014/main" id="{A7D19681-99D0-4F7B-BFD7-7D0F9B36F564}"/>
              </a:ext>
            </a:extLst>
          </p:cNvPr>
          <p:cNvGrpSpPr/>
          <p:nvPr/>
        </p:nvGrpSpPr>
        <p:grpSpPr>
          <a:xfrm>
            <a:off x="-669064" y="10260734"/>
            <a:ext cx="8196128" cy="2034800"/>
            <a:chOff x="7450922" y="652423"/>
            <a:chExt cx="8196128" cy="2034800"/>
          </a:xfrm>
        </p:grpSpPr>
        <p:sp>
          <p:nvSpPr>
            <p:cNvPr id="155" name="Freeform: Shape 154">
              <a:extLst>
                <a:ext uri="{FF2B5EF4-FFF2-40B4-BE49-F238E27FC236}">
                  <a16:creationId xmlns="" xmlns:a16="http://schemas.microsoft.com/office/drawing/2014/main" id="{93E0DA91-937D-43DC-89E9-B98E97E046BE}"/>
                </a:ext>
              </a:extLst>
            </p:cNvPr>
            <p:cNvSpPr/>
            <p:nvPr/>
          </p:nvSpPr>
          <p:spPr>
            <a:xfrm>
              <a:off x="9709382" y="652423"/>
              <a:ext cx="3679210" cy="1389820"/>
            </a:xfrm>
            <a:custGeom>
              <a:avLst/>
              <a:gdLst>
                <a:gd name="connsiteX0" fmla="*/ 126436 w 2615328"/>
                <a:gd name="connsiteY0" fmla="*/ 493360 h 987937"/>
                <a:gd name="connsiteX1" fmla="*/ 320404 w 2615328"/>
                <a:gd name="connsiteY1" fmla="*/ 338030 h 987937"/>
                <a:gd name="connsiteX2" fmla="*/ 410096 w 2615328"/>
                <a:gd name="connsiteY2" fmla="*/ 359413 h 987937"/>
                <a:gd name="connsiteX3" fmla="*/ 631807 w 2615328"/>
                <a:gd name="connsiteY3" fmla="*/ 221948 h 987937"/>
                <a:gd name="connsiteX4" fmla="*/ 714835 w 2615328"/>
                <a:gd name="connsiteY4" fmla="*/ 236225 h 987937"/>
                <a:gd name="connsiteX5" fmla="*/ 977652 w 2615328"/>
                <a:gd name="connsiteY5" fmla="*/ 71659 h 987937"/>
                <a:gd name="connsiteX6" fmla="*/ 1212152 w 2615328"/>
                <a:gd name="connsiteY6" fmla="*/ 189603 h 987937"/>
                <a:gd name="connsiteX7" fmla="*/ 1485696 w 2615328"/>
                <a:gd name="connsiteY7" fmla="*/ 0 h 987937"/>
                <a:gd name="connsiteX8" fmla="*/ 1772638 w 2615328"/>
                <a:gd name="connsiteY8" fmla="*/ 237511 h 987937"/>
                <a:gd name="connsiteX9" fmla="*/ 2011435 w 2615328"/>
                <a:gd name="connsiteY9" fmla="*/ 130394 h 987937"/>
                <a:gd name="connsiteX10" fmla="*/ 2330688 w 2615328"/>
                <a:gd name="connsiteY10" fmla="*/ 432121 h 987937"/>
                <a:gd name="connsiteX11" fmla="*/ 2407659 w 2615328"/>
                <a:gd name="connsiteY11" fmla="*/ 417471 h 987937"/>
                <a:gd name="connsiteX12" fmla="*/ 2617055 w 2615328"/>
                <a:gd name="connsiteY12" fmla="*/ 626867 h 987937"/>
                <a:gd name="connsiteX13" fmla="*/ 2407659 w 2615328"/>
                <a:gd name="connsiteY13" fmla="*/ 836262 h 987937"/>
                <a:gd name="connsiteX14" fmla="*/ 2289648 w 2615328"/>
                <a:gd name="connsiteY14" fmla="*/ 799857 h 987937"/>
                <a:gd name="connsiteX15" fmla="*/ 2137837 w 2615328"/>
                <a:gd name="connsiteY15" fmla="*/ 865122 h 987937"/>
                <a:gd name="connsiteX16" fmla="*/ 1998510 w 2615328"/>
                <a:gd name="connsiteY16" fmla="*/ 812004 h 987937"/>
                <a:gd name="connsiteX17" fmla="*/ 1711941 w 2615328"/>
                <a:gd name="connsiteY17" fmla="*/ 989798 h 987937"/>
                <a:gd name="connsiteX18" fmla="*/ 1420161 w 2615328"/>
                <a:gd name="connsiteY18" fmla="*/ 801075 h 987937"/>
                <a:gd name="connsiteX19" fmla="*/ 1325291 w 2615328"/>
                <a:gd name="connsiteY19" fmla="*/ 816842 h 987937"/>
                <a:gd name="connsiteX20" fmla="*/ 1298360 w 2615328"/>
                <a:gd name="connsiteY20" fmla="*/ 815590 h 987937"/>
                <a:gd name="connsiteX21" fmla="*/ 1163026 w 2615328"/>
                <a:gd name="connsiteY21" fmla="*/ 868844 h 987937"/>
                <a:gd name="connsiteX22" fmla="*/ 1048195 w 2615328"/>
                <a:gd name="connsiteY22" fmla="*/ 832270 h 987937"/>
                <a:gd name="connsiteX23" fmla="*/ 950485 w 2615328"/>
                <a:gd name="connsiteY23" fmla="*/ 849051 h 987937"/>
                <a:gd name="connsiteX24" fmla="*/ 878927 w 2615328"/>
                <a:gd name="connsiteY24" fmla="*/ 840221 h 987937"/>
                <a:gd name="connsiteX25" fmla="*/ 763385 w 2615328"/>
                <a:gd name="connsiteY25" fmla="*/ 877302 h 987937"/>
                <a:gd name="connsiteX26" fmla="*/ 644460 w 2615328"/>
                <a:gd name="connsiteY26" fmla="*/ 837819 h 987937"/>
                <a:gd name="connsiteX27" fmla="*/ 575305 w 2615328"/>
                <a:gd name="connsiteY27" fmla="*/ 854262 h 987937"/>
                <a:gd name="connsiteX28" fmla="*/ 482398 w 2615328"/>
                <a:gd name="connsiteY28" fmla="*/ 877302 h 987937"/>
                <a:gd name="connsiteX29" fmla="*/ 340601 w 2615328"/>
                <a:gd name="connsiteY29" fmla="*/ 817789 h 987937"/>
                <a:gd name="connsiteX30" fmla="*/ 198806 w 2615328"/>
                <a:gd name="connsiteY30" fmla="*/ 877302 h 987937"/>
                <a:gd name="connsiteX31" fmla="*/ 0 w 2615328"/>
                <a:gd name="connsiteY31" fmla="*/ 678497 h 987937"/>
                <a:gd name="connsiteX32" fmla="*/ 126436 w 2615328"/>
                <a:gd name="connsiteY32" fmla="*/ 493360 h 9879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2615328" h="987937">
                  <a:moveTo>
                    <a:pt x="126436" y="493360"/>
                  </a:moveTo>
                  <a:cubicBezTo>
                    <a:pt x="146262" y="404479"/>
                    <a:pt x="225568" y="338030"/>
                    <a:pt x="320404" y="338030"/>
                  </a:cubicBezTo>
                  <a:cubicBezTo>
                    <a:pt x="352681" y="338030"/>
                    <a:pt x="383131" y="345778"/>
                    <a:pt x="410096" y="359413"/>
                  </a:cubicBezTo>
                  <a:cubicBezTo>
                    <a:pt x="450595" y="277942"/>
                    <a:pt x="534672" y="221948"/>
                    <a:pt x="631807" y="221948"/>
                  </a:cubicBezTo>
                  <a:cubicBezTo>
                    <a:pt x="660937" y="221948"/>
                    <a:pt x="688883" y="226989"/>
                    <a:pt x="714835" y="236225"/>
                  </a:cubicBezTo>
                  <a:cubicBezTo>
                    <a:pt x="762167" y="138819"/>
                    <a:pt x="862078" y="71659"/>
                    <a:pt x="977652" y="71659"/>
                  </a:cubicBezTo>
                  <a:cubicBezTo>
                    <a:pt x="1073706" y="71659"/>
                    <a:pt x="1158932" y="118045"/>
                    <a:pt x="1212152" y="189603"/>
                  </a:cubicBezTo>
                  <a:cubicBezTo>
                    <a:pt x="1253633" y="78832"/>
                    <a:pt x="1360445" y="0"/>
                    <a:pt x="1485696" y="0"/>
                  </a:cubicBezTo>
                  <a:cubicBezTo>
                    <a:pt x="1628339" y="0"/>
                    <a:pt x="1747093" y="102279"/>
                    <a:pt x="1772638" y="237511"/>
                  </a:cubicBezTo>
                  <a:cubicBezTo>
                    <a:pt x="1831204" y="171806"/>
                    <a:pt x="1916464" y="130394"/>
                    <a:pt x="2011435" y="130394"/>
                  </a:cubicBezTo>
                  <a:cubicBezTo>
                    <a:pt x="2181989" y="130394"/>
                    <a:pt x="2321316" y="263901"/>
                    <a:pt x="2330688" y="432121"/>
                  </a:cubicBezTo>
                  <a:cubicBezTo>
                    <a:pt x="2354507" y="422682"/>
                    <a:pt x="2380457" y="417471"/>
                    <a:pt x="2407659" y="417471"/>
                  </a:cubicBezTo>
                  <a:cubicBezTo>
                    <a:pt x="2523302" y="417471"/>
                    <a:pt x="2617055" y="511224"/>
                    <a:pt x="2617055" y="626867"/>
                  </a:cubicBezTo>
                  <a:cubicBezTo>
                    <a:pt x="2617055" y="742509"/>
                    <a:pt x="2523302" y="836262"/>
                    <a:pt x="2407659" y="836262"/>
                  </a:cubicBezTo>
                  <a:cubicBezTo>
                    <a:pt x="2363879" y="836262"/>
                    <a:pt x="2323244" y="822796"/>
                    <a:pt x="2289648" y="799857"/>
                  </a:cubicBezTo>
                  <a:cubicBezTo>
                    <a:pt x="2251483" y="840051"/>
                    <a:pt x="2197587" y="865122"/>
                    <a:pt x="2137837" y="865122"/>
                  </a:cubicBezTo>
                  <a:cubicBezTo>
                    <a:pt x="2084313" y="865122"/>
                    <a:pt x="2035524" y="845025"/>
                    <a:pt x="1998510" y="812004"/>
                  </a:cubicBezTo>
                  <a:cubicBezTo>
                    <a:pt x="1946203" y="917361"/>
                    <a:pt x="1837530" y="989798"/>
                    <a:pt x="1711941" y="989798"/>
                  </a:cubicBezTo>
                  <a:cubicBezTo>
                    <a:pt x="1582021" y="989798"/>
                    <a:pt x="1470200" y="912320"/>
                    <a:pt x="1420161" y="801075"/>
                  </a:cubicBezTo>
                  <a:cubicBezTo>
                    <a:pt x="1390421" y="811293"/>
                    <a:pt x="1358517" y="816842"/>
                    <a:pt x="1325291" y="816842"/>
                  </a:cubicBezTo>
                  <a:cubicBezTo>
                    <a:pt x="1316225" y="816842"/>
                    <a:pt x="1307225" y="816402"/>
                    <a:pt x="1298360" y="815590"/>
                  </a:cubicBezTo>
                  <a:cubicBezTo>
                    <a:pt x="1262870" y="848611"/>
                    <a:pt x="1215299" y="868844"/>
                    <a:pt x="1163026" y="868844"/>
                  </a:cubicBezTo>
                  <a:cubicBezTo>
                    <a:pt x="1120227" y="868844"/>
                    <a:pt x="1080641" y="855277"/>
                    <a:pt x="1048195" y="832270"/>
                  </a:cubicBezTo>
                  <a:cubicBezTo>
                    <a:pt x="1017644" y="843130"/>
                    <a:pt x="984758" y="849051"/>
                    <a:pt x="950485" y="849051"/>
                  </a:cubicBezTo>
                  <a:cubicBezTo>
                    <a:pt x="925785" y="849051"/>
                    <a:pt x="901833" y="845972"/>
                    <a:pt x="878927" y="840221"/>
                  </a:cubicBezTo>
                  <a:cubicBezTo>
                    <a:pt x="846344" y="863532"/>
                    <a:pt x="806489" y="877302"/>
                    <a:pt x="763385" y="877302"/>
                  </a:cubicBezTo>
                  <a:cubicBezTo>
                    <a:pt x="718793" y="877302"/>
                    <a:pt x="677618" y="862618"/>
                    <a:pt x="644460" y="837819"/>
                  </a:cubicBezTo>
                  <a:cubicBezTo>
                    <a:pt x="623111" y="847190"/>
                    <a:pt x="599801" y="852976"/>
                    <a:pt x="575305" y="854262"/>
                  </a:cubicBezTo>
                  <a:cubicBezTo>
                    <a:pt x="547562" y="868945"/>
                    <a:pt x="515961" y="877302"/>
                    <a:pt x="482398" y="877302"/>
                  </a:cubicBezTo>
                  <a:cubicBezTo>
                    <a:pt x="426844" y="877302"/>
                    <a:pt x="376668" y="854498"/>
                    <a:pt x="340601" y="817789"/>
                  </a:cubicBezTo>
                  <a:cubicBezTo>
                    <a:pt x="304536" y="854498"/>
                    <a:pt x="254326" y="877302"/>
                    <a:pt x="198806" y="877302"/>
                  </a:cubicBezTo>
                  <a:cubicBezTo>
                    <a:pt x="89016" y="877302"/>
                    <a:pt x="0" y="788286"/>
                    <a:pt x="0" y="678497"/>
                  </a:cubicBezTo>
                  <a:cubicBezTo>
                    <a:pt x="-33" y="594285"/>
                    <a:pt x="52409" y="522287"/>
                    <a:pt x="126436" y="493360"/>
                  </a:cubicBezTo>
                  <a:close/>
                </a:path>
              </a:pathLst>
            </a:custGeom>
            <a:solidFill>
              <a:srgbClr val="6586DC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56" name="Freeform: Shape 155">
              <a:extLst>
                <a:ext uri="{FF2B5EF4-FFF2-40B4-BE49-F238E27FC236}">
                  <a16:creationId xmlns="" xmlns:a16="http://schemas.microsoft.com/office/drawing/2014/main" id="{A91C8ECC-DF49-49A9-8D0E-3007E3E759C1}"/>
                </a:ext>
              </a:extLst>
            </p:cNvPr>
            <p:cNvSpPr/>
            <p:nvPr/>
          </p:nvSpPr>
          <p:spPr>
            <a:xfrm>
              <a:off x="9176297" y="846171"/>
              <a:ext cx="4745378" cy="1594486"/>
            </a:xfrm>
            <a:custGeom>
              <a:avLst/>
              <a:gdLst>
                <a:gd name="connsiteX0" fmla="*/ 3187047 w 3373198"/>
                <a:gd name="connsiteY0" fmla="*/ 642092 h 1133421"/>
                <a:gd name="connsiteX1" fmla="*/ 3119853 w 3373198"/>
                <a:gd name="connsiteY1" fmla="*/ 654407 h 1133421"/>
                <a:gd name="connsiteX2" fmla="*/ 3059359 w 3373198"/>
                <a:gd name="connsiteY2" fmla="*/ 619220 h 1133421"/>
                <a:gd name="connsiteX3" fmla="*/ 2837107 w 3373198"/>
                <a:gd name="connsiteY3" fmla="*/ 441256 h 1133421"/>
                <a:gd name="connsiteX4" fmla="*/ 2734354 w 3373198"/>
                <a:gd name="connsiteY4" fmla="*/ 465785 h 1133421"/>
                <a:gd name="connsiteX5" fmla="*/ 2480332 w 3373198"/>
                <a:gd name="connsiteY5" fmla="*/ 308291 h 1133421"/>
                <a:gd name="connsiteX6" fmla="*/ 2409655 w 3373198"/>
                <a:gd name="connsiteY6" fmla="*/ 317189 h 1133421"/>
                <a:gd name="connsiteX7" fmla="*/ 2094969 w 3373198"/>
                <a:gd name="connsiteY7" fmla="*/ 114425 h 1133421"/>
                <a:gd name="connsiteX8" fmla="*/ 1819497 w 3373198"/>
                <a:gd name="connsiteY8" fmla="*/ 251417 h 1133421"/>
                <a:gd name="connsiteX9" fmla="*/ 1475004 w 3373198"/>
                <a:gd name="connsiteY9" fmla="*/ 0 h 1133421"/>
                <a:gd name="connsiteX10" fmla="*/ 1122798 w 3373198"/>
                <a:gd name="connsiteY10" fmla="*/ 279261 h 1133421"/>
                <a:gd name="connsiteX11" fmla="*/ 899700 w 3373198"/>
                <a:gd name="connsiteY11" fmla="*/ 203475 h 1133421"/>
                <a:gd name="connsiteX12" fmla="*/ 547662 w 3373198"/>
                <a:gd name="connsiteY12" fmla="*/ 468086 h 1133421"/>
                <a:gd name="connsiteX13" fmla="*/ 445756 w 3373198"/>
                <a:gd name="connsiteY13" fmla="*/ 449072 h 1133421"/>
                <a:gd name="connsiteX14" fmla="*/ 182937 w 3373198"/>
                <a:gd name="connsiteY14" fmla="*/ 629438 h 1133421"/>
                <a:gd name="connsiteX15" fmla="*/ 0 w 3373198"/>
                <a:gd name="connsiteY15" fmla="*/ 829259 h 1133421"/>
                <a:gd name="connsiteX16" fmla="*/ 200633 w 3373198"/>
                <a:gd name="connsiteY16" fmla="*/ 1029891 h 1133421"/>
                <a:gd name="connsiteX17" fmla="*/ 326222 w 3373198"/>
                <a:gd name="connsiteY17" fmla="*/ 985671 h 1133421"/>
                <a:gd name="connsiteX18" fmla="*/ 445790 w 3373198"/>
                <a:gd name="connsiteY18" fmla="*/ 1012264 h 1133421"/>
                <a:gd name="connsiteX19" fmla="*/ 585489 w 3373198"/>
                <a:gd name="connsiteY19" fmla="*/ 975216 h 1133421"/>
                <a:gd name="connsiteX20" fmla="*/ 754960 w 3373198"/>
                <a:gd name="connsiteY20" fmla="*/ 1045319 h 1133421"/>
                <a:gd name="connsiteX21" fmla="*/ 903692 w 3373198"/>
                <a:gd name="connsiteY21" fmla="*/ 993588 h 1133421"/>
                <a:gd name="connsiteX22" fmla="*/ 1193205 w 3373198"/>
                <a:gd name="connsiteY22" fmla="*/ 1135452 h 1133421"/>
                <a:gd name="connsiteX23" fmla="*/ 1515537 w 3373198"/>
                <a:gd name="connsiteY23" fmla="*/ 943379 h 1133421"/>
                <a:gd name="connsiteX24" fmla="*/ 1685923 w 3373198"/>
                <a:gd name="connsiteY24" fmla="*/ 989968 h 1133421"/>
                <a:gd name="connsiteX25" fmla="*/ 1716778 w 3373198"/>
                <a:gd name="connsiteY25" fmla="*/ 988547 h 1133421"/>
                <a:gd name="connsiteX26" fmla="*/ 1871871 w 3373198"/>
                <a:gd name="connsiteY26" fmla="*/ 1049548 h 1133421"/>
                <a:gd name="connsiteX27" fmla="*/ 2003416 w 3373198"/>
                <a:gd name="connsiteY27" fmla="*/ 1007663 h 1133421"/>
                <a:gd name="connsiteX28" fmla="*/ 2115371 w 3373198"/>
                <a:gd name="connsiteY28" fmla="*/ 1026880 h 1133421"/>
                <a:gd name="connsiteX29" fmla="*/ 2197349 w 3373198"/>
                <a:gd name="connsiteY29" fmla="*/ 1016730 h 1133421"/>
                <a:gd name="connsiteX30" fmla="*/ 2329739 w 3373198"/>
                <a:gd name="connsiteY30" fmla="*/ 1059225 h 1133421"/>
                <a:gd name="connsiteX31" fmla="*/ 2466021 w 3373198"/>
                <a:gd name="connsiteY31" fmla="*/ 1013990 h 1133421"/>
                <a:gd name="connsiteX32" fmla="*/ 2545259 w 3373198"/>
                <a:gd name="connsiteY32" fmla="*/ 1032835 h 1133421"/>
                <a:gd name="connsiteX33" fmla="*/ 2651699 w 3373198"/>
                <a:gd name="connsiteY33" fmla="*/ 1059225 h 1133421"/>
                <a:gd name="connsiteX34" fmla="*/ 2814168 w 3373198"/>
                <a:gd name="connsiteY34" fmla="*/ 991050 h 1133421"/>
                <a:gd name="connsiteX35" fmla="*/ 2976636 w 3373198"/>
                <a:gd name="connsiteY35" fmla="*/ 1059225 h 1133421"/>
                <a:gd name="connsiteX36" fmla="*/ 3119988 w 3373198"/>
                <a:gd name="connsiteY36" fmla="*/ 1008407 h 1133421"/>
                <a:gd name="connsiteX37" fmla="*/ 3187182 w 3373198"/>
                <a:gd name="connsiteY37" fmla="*/ 1020722 h 1133421"/>
                <a:gd name="connsiteX38" fmla="*/ 3376480 w 3373198"/>
                <a:gd name="connsiteY38" fmla="*/ 831424 h 1133421"/>
                <a:gd name="connsiteX39" fmla="*/ 3187047 w 3373198"/>
                <a:gd name="connsiteY39" fmla="*/ 642092 h 113342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</a:cxnLst>
              <a:rect l="l" t="t" r="r" b="b"/>
              <a:pathLst>
                <a:path w="3373198" h="1133421">
                  <a:moveTo>
                    <a:pt x="3187047" y="642092"/>
                  </a:moveTo>
                  <a:cubicBezTo>
                    <a:pt x="3163397" y="642092"/>
                    <a:pt x="3140763" y="646456"/>
                    <a:pt x="3119853" y="654407"/>
                  </a:cubicBezTo>
                  <a:cubicBezTo>
                    <a:pt x="3101786" y="639757"/>
                    <a:pt x="3081385" y="627814"/>
                    <a:pt x="3059359" y="619220"/>
                  </a:cubicBezTo>
                  <a:cubicBezTo>
                    <a:pt x="3036623" y="517382"/>
                    <a:pt x="2945780" y="441256"/>
                    <a:pt x="2837107" y="441256"/>
                  </a:cubicBezTo>
                  <a:cubicBezTo>
                    <a:pt x="2800126" y="441256"/>
                    <a:pt x="2765244" y="450121"/>
                    <a:pt x="2734354" y="465785"/>
                  </a:cubicBezTo>
                  <a:cubicBezTo>
                    <a:pt x="2687935" y="372439"/>
                    <a:pt x="2591645" y="308291"/>
                    <a:pt x="2480332" y="308291"/>
                  </a:cubicBezTo>
                  <a:cubicBezTo>
                    <a:pt x="2455939" y="308291"/>
                    <a:pt x="2432255" y="311369"/>
                    <a:pt x="2409655" y="317189"/>
                  </a:cubicBezTo>
                  <a:cubicBezTo>
                    <a:pt x="2355352" y="197587"/>
                    <a:pt x="2234871" y="114425"/>
                    <a:pt x="2094969" y="114425"/>
                  </a:cubicBezTo>
                  <a:cubicBezTo>
                    <a:pt x="1982507" y="114425"/>
                    <a:pt x="1882596" y="168186"/>
                    <a:pt x="1819497" y="251417"/>
                  </a:cubicBezTo>
                  <a:cubicBezTo>
                    <a:pt x="1772875" y="105594"/>
                    <a:pt x="1636288" y="0"/>
                    <a:pt x="1475004" y="0"/>
                  </a:cubicBezTo>
                  <a:cubicBezTo>
                    <a:pt x="1303637" y="0"/>
                    <a:pt x="1160082" y="119229"/>
                    <a:pt x="1122798" y="279261"/>
                  </a:cubicBezTo>
                  <a:cubicBezTo>
                    <a:pt x="1061018" y="231759"/>
                    <a:pt x="983641" y="203475"/>
                    <a:pt x="899700" y="203475"/>
                  </a:cubicBezTo>
                  <a:cubicBezTo>
                    <a:pt x="732664" y="203475"/>
                    <a:pt x="591781" y="315260"/>
                    <a:pt x="547662" y="468086"/>
                  </a:cubicBezTo>
                  <a:cubicBezTo>
                    <a:pt x="516062" y="455805"/>
                    <a:pt x="481687" y="449072"/>
                    <a:pt x="445756" y="449072"/>
                  </a:cubicBezTo>
                  <a:cubicBezTo>
                    <a:pt x="325917" y="449072"/>
                    <a:pt x="223571" y="523945"/>
                    <a:pt x="182937" y="629438"/>
                  </a:cubicBezTo>
                  <a:cubicBezTo>
                    <a:pt x="80422" y="638404"/>
                    <a:pt x="0" y="724409"/>
                    <a:pt x="0" y="829259"/>
                  </a:cubicBezTo>
                  <a:cubicBezTo>
                    <a:pt x="0" y="940063"/>
                    <a:pt x="89828" y="1029891"/>
                    <a:pt x="200633" y="1029891"/>
                  </a:cubicBezTo>
                  <a:cubicBezTo>
                    <a:pt x="248202" y="1029891"/>
                    <a:pt x="291848" y="1013313"/>
                    <a:pt x="326222" y="985671"/>
                  </a:cubicBezTo>
                  <a:cubicBezTo>
                    <a:pt x="362525" y="1002723"/>
                    <a:pt x="403024" y="1012264"/>
                    <a:pt x="445790" y="1012264"/>
                  </a:cubicBezTo>
                  <a:cubicBezTo>
                    <a:pt x="496608" y="1012264"/>
                    <a:pt x="544313" y="998798"/>
                    <a:pt x="585489" y="975216"/>
                  </a:cubicBezTo>
                  <a:cubicBezTo>
                    <a:pt x="628896" y="1018523"/>
                    <a:pt x="688782" y="1045319"/>
                    <a:pt x="754960" y="1045319"/>
                  </a:cubicBezTo>
                  <a:cubicBezTo>
                    <a:pt x="811158" y="1045319"/>
                    <a:pt x="862822" y="1025933"/>
                    <a:pt x="903692" y="993588"/>
                  </a:cubicBezTo>
                  <a:cubicBezTo>
                    <a:pt x="970716" y="1079897"/>
                    <a:pt x="1075465" y="1135452"/>
                    <a:pt x="1193205" y="1135452"/>
                  </a:cubicBezTo>
                  <a:cubicBezTo>
                    <a:pt x="1332430" y="1135452"/>
                    <a:pt x="1453554" y="1057770"/>
                    <a:pt x="1515537" y="943379"/>
                  </a:cubicBezTo>
                  <a:cubicBezTo>
                    <a:pt x="1565441" y="972983"/>
                    <a:pt x="1623702" y="989968"/>
                    <a:pt x="1685923" y="989968"/>
                  </a:cubicBezTo>
                  <a:cubicBezTo>
                    <a:pt x="1696343" y="989968"/>
                    <a:pt x="1706628" y="989460"/>
                    <a:pt x="1716778" y="988547"/>
                  </a:cubicBezTo>
                  <a:cubicBezTo>
                    <a:pt x="1757446" y="1026372"/>
                    <a:pt x="1811919" y="1049548"/>
                    <a:pt x="1871871" y="1049548"/>
                  </a:cubicBezTo>
                  <a:cubicBezTo>
                    <a:pt x="1920896" y="1049548"/>
                    <a:pt x="1966266" y="1034019"/>
                    <a:pt x="2003416" y="1007663"/>
                  </a:cubicBezTo>
                  <a:cubicBezTo>
                    <a:pt x="2038434" y="1020079"/>
                    <a:pt x="2076124" y="1026880"/>
                    <a:pt x="2115371" y="1026880"/>
                  </a:cubicBezTo>
                  <a:cubicBezTo>
                    <a:pt x="2143655" y="1026880"/>
                    <a:pt x="2171128" y="1023361"/>
                    <a:pt x="2197349" y="1016730"/>
                  </a:cubicBezTo>
                  <a:cubicBezTo>
                    <a:pt x="2234668" y="1043424"/>
                    <a:pt x="2280343" y="1059225"/>
                    <a:pt x="2329739" y="1059225"/>
                  </a:cubicBezTo>
                  <a:cubicBezTo>
                    <a:pt x="2380828" y="1059225"/>
                    <a:pt x="2427992" y="1042410"/>
                    <a:pt x="2466021" y="1013990"/>
                  </a:cubicBezTo>
                  <a:cubicBezTo>
                    <a:pt x="2490482" y="1024749"/>
                    <a:pt x="2517177" y="1031346"/>
                    <a:pt x="2545259" y="1032835"/>
                  </a:cubicBezTo>
                  <a:cubicBezTo>
                    <a:pt x="2577029" y="1049650"/>
                    <a:pt x="2613230" y="1059225"/>
                    <a:pt x="2651699" y="1059225"/>
                  </a:cubicBezTo>
                  <a:cubicBezTo>
                    <a:pt x="2715340" y="1059225"/>
                    <a:pt x="2772823" y="1033105"/>
                    <a:pt x="2814168" y="991050"/>
                  </a:cubicBezTo>
                  <a:cubicBezTo>
                    <a:pt x="2855478" y="1033105"/>
                    <a:pt x="2912995" y="1059225"/>
                    <a:pt x="2976636" y="1059225"/>
                  </a:cubicBezTo>
                  <a:cubicBezTo>
                    <a:pt x="3030972" y="1059225"/>
                    <a:pt x="3080843" y="1040177"/>
                    <a:pt x="3119988" y="1008407"/>
                  </a:cubicBezTo>
                  <a:cubicBezTo>
                    <a:pt x="3140863" y="1016324"/>
                    <a:pt x="3163499" y="1020722"/>
                    <a:pt x="3187182" y="1020722"/>
                  </a:cubicBezTo>
                  <a:cubicBezTo>
                    <a:pt x="3291727" y="1020722"/>
                    <a:pt x="3376480" y="935970"/>
                    <a:pt x="3376480" y="831424"/>
                  </a:cubicBezTo>
                  <a:cubicBezTo>
                    <a:pt x="3376480" y="726878"/>
                    <a:pt x="3291592" y="642092"/>
                    <a:pt x="3187047" y="642092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57" name="Freeform: Shape 156">
              <a:extLst>
                <a:ext uri="{FF2B5EF4-FFF2-40B4-BE49-F238E27FC236}">
                  <a16:creationId xmlns="" xmlns:a16="http://schemas.microsoft.com/office/drawing/2014/main" id="{2498A33E-85BB-4DA1-A45A-57ED8584E44B}"/>
                </a:ext>
              </a:extLst>
            </p:cNvPr>
            <p:cNvSpPr/>
            <p:nvPr/>
          </p:nvSpPr>
          <p:spPr>
            <a:xfrm>
              <a:off x="7450922" y="1168893"/>
              <a:ext cx="8196128" cy="1518330"/>
            </a:xfrm>
            <a:custGeom>
              <a:avLst/>
              <a:gdLst>
                <a:gd name="connsiteX0" fmla="*/ 5826194 w 5826125"/>
                <a:gd name="connsiteY0" fmla="*/ 957149 h 1079288"/>
                <a:gd name="connsiteX1" fmla="*/ 5803153 w 5826125"/>
                <a:gd name="connsiteY1" fmla="*/ 1080371 h 1079288"/>
                <a:gd name="connsiteX2" fmla="*/ 52136 w 5826125"/>
                <a:gd name="connsiteY2" fmla="*/ 1080371 h 1079288"/>
                <a:gd name="connsiteX3" fmla="*/ 0 w 5826125"/>
                <a:gd name="connsiteY3" fmla="*/ 895775 h 1079288"/>
                <a:gd name="connsiteX4" fmla="*/ 343071 w 5826125"/>
                <a:gd name="connsiteY4" fmla="*/ 543264 h 1079288"/>
                <a:gd name="connsiteX5" fmla="*/ 783516 w 5826125"/>
                <a:gd name="connsiteY5" fmla="*/ 263258 h 1079288"/>
                <a:gd name="connsiteX6" fmla="*/ 1137819 w 5826125"/>
                <a:gd name="connsiteY6" fmla="*/ 416524 h 1079288"/>
                <a:gd name="connsiteX7" fmla="*/ 1364064 w 5826125"/>
                <a:gd name="connsiteY7" fmla="*/ 305009 h 1079288"/>
                <a:gd name="connsiteX8" fmla="*/ 1636863 w 5826125"/>
                <a:gd name="connsiteY8" fmla="*/ 506792 h 1079288"/>
                <a:gd name="connsiteX9" fmla="*/ 2068647 w 5826125"/>
                <a:gd name="connsiteY9" fmla="*/ 203407 h 1079288"/>
                <a:gd name="connsiteX10" fmla="*/ 2290560 w 5826125"/>
                <a:gd name="connsiteY10" fmla="*/ 260586 h 1079288"/>
                <a:gd name="connsiteX11" fmla="*/ 2700690 w 5826125"/>
                <a:gd name="connsiteY11" fmla="*/ 0 h 1079288"/>
                <a:gd name="connsiteX12" fmla="*/ 3144010 w 5826125"/>
                <a:gd name="connsiteY12" fmla="*/ 360191 h 1079288"/>
                <a:gd name="connsiteX13" fmla="*/ 3163261 w 5826125"/>
                <a:gd name="connsiteY13" fmla="*/ 364928 h 1079288"/>
                <a:gd name="connsiteX14" fmla="*/ 3565474 w 5826125"/>
                <a:gd name="connsiteY14" fmla="*/ 91926 h 1079288"/>
                <a:gd name="connsiteX15" fmla="*/ 3959532 w 5826125"/>
                <a:gd name="connsiteY15" fmla="*/ 345846 h 1079288"/>
                <a:gd name="connsiteX16" fmla="*/ 4048074 w 5826125"/>
                <a:gd name="connsiteY16" fmla="*/ 334715 h 1079288"/>
                <a:gd name="connsiteX17" fmla="*/ 4366177 w 5826125"/>
                <a:gd name="connsiteY17" fmla="*/ 531896 h 1079288"/>
                <a:gd name="connsiteX18" fmla="*/ 4494879 w 5826125"/>
                <a:gd name="connsiteY18" fmla="*/ 501277 h 1079288"/>
                <a:gd name="connsiteX19" fmla="*/ 4732797 w 5826125"/>
                <a:gd name="connsiteY19" fmla="*/ 629134 h 1079288"/>
                <a:gd name="connsiteX20" fmla="*/ 5120698 w 5826125"/>
                <a:gd name="connsiteY20" fmla="*/ 377446 h 1079288"/>
                <a:gd name="connsiteX21" fmla="*/ 5387272 w 5826125"/>
                <a:gd name="connsiteY21" fmla="*/ 471571 h 1079288"/>
                <a:gd name="connsiteX22" fmla="*/ 5479230 w 5826125"/>
                <a:gd name="connsiteY22" fmla="*/ 470928 h 1079288"/>
                <a:gd name="connsiteX23" fmla="*/ 5717317 w 5826125"/>
                <a:gd name="connsiteY23" fmla="*/ 708135 h 1079288"/>
                <a:gd name="connsiteX24" fmla="*/ 5826194 w 5826125"/>
                <a:gd name="connsiteY24" fmla="*/ 957149 h 107928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</a:cxnLst>
              <a:rect l="l" t="t" r="r" b="b"/>
              <a:pathLst>
                <a:path w="5826125" h="1079288">
                  <a:moveTo>
                    <a:pt x="5826194" y="957149"/>
                  </a:moveTo>
                  <a:cubicBezTo>
                    <a:pt x="5826194" y="1000625"/>
                    <a:pt x="5818006" y="1042173"/>
                    <a:pt x="5803153" y="1080371"/>
                  </a:cubicBezTo>
                  <a:lnTo>
                    <a:pt x="52136" y="1080371"/>
                  </a:lnTo>
                  <a:cubicBezTo>
                    <a:pt x="19081" y="1026677"/>
                    <a:pt x="0" y="963476"/>
                    <a:pt x="0" y="895775"/>
                  </a:cubicBezTo>
                  <a:cubicBezTo>
                    <a:pt x="0" y="704244"/>
                    <a:pt x="152758" y="548339"/>
                    <a:pt x="343071" y="543264"/>
                  </a:cubicBezTo>
                  <a:cubicBezTo>
                    <a:pt x="420685" y="377852"/>
                    <a:pt x="588668" y="263258"/>
                    <a:pt x="783516" y="263258"/>
                  </a:cubicBezTo>
                  <a:cubicBezTo>
                    <a:pt x="923215" y="263258"/>
                    <a:pt x="1049142" y="322196"/>
                    <a:pt x="1137819" y="416524"/>
                  </a:cubicBezTo>
                  <a:cubicBezTo>
                    <a:pt x="1189990" y="348722"/>
                    <a:pt x="1271868" y="305009"/>
                    <a:pt x="1364064" y="305009"/>
                  </a:cubicBezTo>
                  <a:cubicBezTo>
                    <a:pt x="1492529" y="305009"/>
                    <a:pt x="1601203" y="389999"/>
                    <a:pt x="1636863" y="506792"/>
                  </a:cubicBezTo>
                  <a:cubicBezTo>
                    <a:pt x="1700539" y="329910"/>
                    <a:pt x="1869807" y="203407"/>
                    <a:pt x="2068647" y="203407"/>
                  </a:cubicBezTo>
                  <a:cubicBezTo>
                    <a:pt x="2149137" y="203407"/>
                    <a:pt x="2224788" y="224147"/>
                    <a:pt x="2290560" y="260586"/>
                  </a:cubicBezTo>
                  <a:cubicBezTo>
                    <a:pt x="2362863" y="106609"/>
                    <a:pt x="2519309" y="0"/>
                    <a:pt x="2700690" y="0"/>
                  </a:cubicBezTo>
                  <a:cubicBezTo>
                    <a:pt x="2919017" y="0"/>
                    <a:pt x="3101278" y="154517"/>
                    <a:pt x="3144010" y="360191"/>
                  </a:cubicBezTo>
                  <a:cubicBezTo>
                    <a:pt x="3150505" y="361612"/>
                    <a:pt x="3156900" y="363203"/>
                    <a:pt x="3163261" y="364928"/>
                  </a:cubicBezTo>
                  <a:cubicBezTo>
                    <a:pt x="3226801" y="204997"/>
                    <a:pt x="3382942" y="91926"/>
                    <a:pt x="3565474" y="91926"/>
                  </a:cubicBezTo>
                  <a:cubicBezTo>
                    <a:pt x="3740663" y="91926"/>
                    <a:pt x="3891526" y="196065"/>
                    <a:pt x="3959532" y="345846"/>
                  </a:cubicBezTo>
                  <a:cubicBezTo>
                    <a:pt x="3987851" y="338606"/>
                    <a:pt x="4017488" y="334715"/>
                    <a:pt x="4048074" y="334715"/>
                  </a:cubicBezTo>
                  <a:cubicBezTo>
                    <a:pt x="4187434" y="334715"/>
                    <a:pt x="4308052" y="415035"/>
                    <a:pt x="4366177" y="531896"/>
                  </a:cubicBezTo>
                  <a:cubicBezTo>
                    <a:pt x="4404849" y="512307"/>
                    <a:pt x="4448561" y="501277"/>
                    <a:pt x="4494879" y="501277"/>
                  </a:cubicBezTo>
                  <a:cubicBezTo>
                    <a:pt x="4594214" y="501277"/>
                    <a:pt x="4681709" y="552095"/>
                    <a:pt x="4732797" y="629134"/>
                  </a:cubicBezTo>
                  <a:cubicBezTo>
                    <a:pt x="4799009" y="480841"/>
                    <a:pt x="4947809" y="377446"/>
                    <a:pt x="5120698" y="377446"/>
                  </a:cubicBezTo>
                  <a:cubicBezTo>
                    <a:pt x="5221691" y="377446"/>
                    <a:pt x="5314395" y="412701"/>
                    <a:pt x="5387272" y="471571"/>
                  </a:cubicBezTo>
                  <a:cubicBezTo>
                    <a:pt x="5416909" y="466496"/>
                    <a:pt x="5447867" y="466056"/>
                    <a:pt x="5479230" y="470928"/>
                  </a:cubicBezTo>
                  <a:cubicBezTo>
                    <a:pt x="5604821" y="490383"/>
                    <a:pt x="5698438" y="589007"/>
                    <a:pt x="5717317" y="708135"/>
                  </a:cubicBezTo>
                  <a:cubicBezTo>
                    <a:pt x="5784274" y="770050"/>
                    <a:pt x="5826194" y="858694"/>
                    <a:pt x="5826194" y="957149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r>
                <a:rPr lang="en-US" sz="506" dirty="0" smtClean="0">
                  <a:solidFill>
                    <a:srgbClr val="FFFFFF"/>
                  </a:solidFill>
                  <a:latin typeface="Calibri"/>
                </a:rPr>
                <a:t>@</a:t>
              </a:r>
              <a:endParaRPr lang="en-US" sz="506" dirty="0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58" name="Group 157">
            <a:extLst>
              <a:ext uri="{FF2B5EF4-FFF2-40B4-BE49-F238E27FC236}">
                <a16:creationId xmlns="" xmlns:a16="http://schemas.microsoft.com/office/drawing/2014/main" id="{66145DB3-E967-4307-8DCD-4DBB0F981248}"/>
              </a:ext>
            </a:extLst>
          </p:cNvPr>
          <p:cNvGrpSpPr/>
          <p:nvPr/>
        </p:nvGrpSpPr>
        <p:grpSpPr>
          <a:xfrm>
            <a:off x="1734590" y="8357074"/>
            <a:ext cx="2922907" cy="707886"/>
            <a:chOff x="15518741" y="9053870"/>
            <a:chExt cx="9523511" cy="2517260"/>
          </a:xfrm>
        </p:grpSpPr>
        <p:sp>
          <p:nvSpPr>
            <p:cNvPr id="159" name="Rectangle: Rounded Corners 158">
              <a:hlinkClick r:id="rId11" action="ppaction://hlinksldjump"/>
              <a:extLst>
                <a:ext uri="{FF2B5EF4-FFF2-40B4-BE49-F238E27FC236}">
                  <a16:creationId xmlns="" xmlns:a16="http://schemas.microsoft.com/office/drawing/2014/main" id="{69B2CAEF-72AF-440C-910E-7986B496D23D}"/>
                </a:ext>
              </a:extLst>
            </p:cNvPr>
            <p:cNvSpPr/>
            <p:nvPr/>
          </p:nvSpPr>
          <p:spPr>
            <a:xfrm>
              <a:off x="15518741" y="9264810"/>
              <a:ext cx="9523511" cy="2297636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rgbClr val="4867FF"/>
                </a:gs>
                <a:gs pos="3000">
                  <a:srgbClr val="5A0FEA"/>
                </a:gs>
              </a:gsLst>
              <a:path path="circle">
                <a:fillToRect l="100000" t="100000"/>
              </a:path>
            </a:gradFill>
            <a:ln w="12700" cap="flat" cmpd="sng" algn="ctr">
              <a:noFill/>
              <a:prstDash val="solid"/>
              <a:miter lim="800000"/>
            </a:ln>
            <a:effectLst>
              <a:outerShdw blurRad="838200" sx="102000" sy="102000" algn="ctr" rotWithShape="0">
                <a:srgbClr val="4867FF"/>
              </a:outerShdw>
            </a:effectLst>
          </p:spPr>
          <p:txBody>
            <a:bodyPr rtlCol="0" anchor="ctr"/>
            <a:lstStyle/>
            <a:p>
              <a:pPr marL="0" marR="0" lvl="0" indent="0" algn="ctr" defTabSz="128565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0" cap="none" spc="0" normalizeH="0" baseline="0" noProof="0" dirty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160" name="TextBox 159">
              <a:hlinkClick r:id="rId12" action="ppaction://hlinksldjump"/>
              <a:extLst>
                <a:ext uri="{FF2B5EF4-FFF2-40B4-BE49-F238E27FC236}">
                  <a16:creationId xmlns="" xmlns:a16="http://schemas.microsoft.com/office/drawing/2014/main" id="{C08177C9-1880-4DC3-8BA0-4AB2AC526983}"/>
                </a:ext>
              </a:extLst>
            </p:cNvPr>
            <p:cNvSpPr txBox="1"/>
            <p:nvPr/>
          </p:nvSpPr>
          <p:spPr>
            <a:xfrm>
              <a:off x="15623558" y="9053870"/>
              <a:ext cx="9402367" cy="2517260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defTabSz="128565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4000" b="0" i="0" u="none" strike="noStrike" kern="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Jelajahi</a:t>
              </a:r>
              <a:r>
                <a:rPr kumimoji="0" lang="en-US" sz="4000" b="0" i="0" u="none" strike="noStrike" kern="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kumimoji="0" lang="en-US" sz="4000" b="0" i="0" u="none" strike="noStrike" kern="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karang</a:t>
              </a:r>
              <a:endParaRPr kumimoji="0" lang="en-US" sz="4000" b="0" i="0" u="none" strike="noStrike" kern="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161" name="the-epic-2-by-rafael-krux(chosic.com)">
            <a:hlinkClick r:id="" action="ppaction://media"/>
            <a:extLst>
              <a:ext uri="{FF2B5EF4-FFF2-40B4-BE49-F238E27FC236}">
                <a16:creationId xmlns="" xmlns:a16="http://schemas.microsoft.com/office/drawing/2014/main" id="{695982E7-C69D-C072-7D96-6E9F33BE95D3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6225814" y="232784"/>
            <a:ext cx="304800" cy="304800"/>
          </a:xfrm>
          <a:prstGeom prst="rect">
            <a:avLst/>
          </a:prstGeom>
        </p:spPr>
      </p:pic>
      <p:sp>
        <p:nvSpPr>
          <p:cNvPr id="162" name="TextBox 161"/>
          <p:cNvSpPr txBox="1"/>
          <p:nvPr/>
        </p:nvSpPr>
        <p:spPr>
          <a:xfrm>
            <a:off x="1512865" y="11603230"/>
            <a:ext cx="433522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hafis.muaddab.2304319@students.um.ac.id</a:t>
            </a:r>
            <a:endParaRPr lang="en-ID" dirty="0"/>
          </a:p>
        </p:txBody>
      </p:sp>
      <p:pic>
        <p:nvPicPr>
          <p:cNvPr id="163" name="Picture 162"/>
          <p:cNvPicPr>
            <a:picLocks noChangeAspect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90503" y="10432797"/>
            <a:ext cx="660388" cy="1196174"/>
          </a:xfrm>
          <a:prstGeom prst="rect">
            <a:avLst/>
          </a:prstGeom>
        </p:spPr>
      </p:pic>
      <p:pic>
        <p:nvPicPr>
          <p:cNvPr id="164" name="Picture 163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18184" y="10433191"/>
            <a:ext cx="1917390" cy="996059"/>
          </a:xfrm>
          <a:prstGeom prst="rect">
            <a:avLst/>
          </a:prstGeom>
        </p:spPr>
      </p:pic>
      <p:sp>
        <p:nvSpPr>
          <p:cNvPr id="2" name="Rectangle 1"/>
          <p:cNvSpPr/>
          <p:nvPr/>
        </p:nvSpPr>
        <p:spPr>
          <a:xfrm>
            <a:off x="883884" y="5480534"/>
            <a:ext cx="2841804" cy="92333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defTabSz="128565">
              <a:defRPr/>
            </a:pPr>
            <a:r>
              <a:rPr lang="en-US" sz="5400" b="1" dirty="0" err="1">
                <a:solidFill>
                  <a:srgbClr val="FFFF00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Oiko</a:t>
            </a:r>
            <a:r>
              <a:rPr lang="en-US" sz="5400" b="1" dirty="0">
                <a:solidFill>
                  <a:srgbClr val="FFFF00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 Nomo</a:t>
            </a:r>
            <a:endParaRPr lang="en-US" sz="5400" b="1" dirty="0">
              <a:solidFill>
                <a:srgbClr val="FFFF00"/>
              </a:solidFill>
              <a:latin typeface="Open Sans Extrabold" panose="020B0906030804020204" pitchFamily="34" charset="0"/>
              <a:ea typeface="Open Sans Extrabold" panose="020B0906030804020204" pitchFamily="34" charset="0"/>
              <a:cs typeface="Open Sans Extrabold" panose="020B09060308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695358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16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9" presetID="8" presetClass="emph" presetSubtype="0" repeatCount="indefinite" fill="remove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0" dur="2000" fill="hold"/>
                                        <p:tgtEl>
                                          <p:spTgt spid="15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1" presetID="8" presetClass="emph" presetSubtype="0" repeatCount="indefinite" fill="remove" nodeType="withEffect">
                                  <p:stCondLst>
                                    <p:cond delay="32300"/>
                                  </p:stCondLst>
                                  <p:childTnLst>
                                    <p:animRot by="900000">
                                      <p:cBhvr>
                                        <p:cTn id="12" dur="3000" fill="hold"/>
                                        <p:tgtEl>
                                          <p:spTgt spid="15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numSld="999" showWhenStopped="0">
                <p:cTn id="13" repeatCount="indefinite" fill="remove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61"/>
                </p:tgtEl>
              </p:cMediaNode>
            </p:audio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CC3A2A3F-C99C-A17D-0B31-0F1521E66E0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57675F1A-1801-1AD1-9DAD-67E929097350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F9F138DA-181B-D7A6-CCCE-45744CC9368E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367A7969-B363-7B62-CBA5-7ED5FBA0B04D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BF23ABFF-C5CF-06AE-B11E-256DBA470A93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45F848D5-A59F-2655-ED4E-CB5959E07733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8451E5A7-A45F-E0CA-A1E5-E668FFEAE37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806F1E1D-DFCF-3648-6516-9B48822C73CC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98299287-88C8-93F7-CE74-6D9F6E9BEFE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AB410ABA-55F8-AD21-AC5A-A81D6F6DDDBD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254CDDD4-3C05-4194-46D6-B9EC3340B852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3213AC17-3D2C-A00C-D3F0-73CE25576E2C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AF5C76E4-6453-CDA8-946F-3814FD4C32B4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3D45C882-63E2-1F77-5F3D-E0FA75A1AFEC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A2E3EFA2-357E-210E-F0DE-1AE9D4BC6F36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4660A907-F10C-16A9-D334-06496D1166B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041DAEC4-C712-D3A9-A78F-81F0CA1CCC39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5620AB74-0E3D-2C2F-C06C-3931EE7583A8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33AFB93A-6BBB-E1B1-D531-E1CF917E59CB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3C9ED481-8639-459B-7865-6571F8120803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1C24CAFD-C855-FC93-173E-6D5F241B03E8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C7164FE8-2C44-7DC5-B029-E3EAA8ABC8D1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AF2A5A8B-FC12-E974-62C8-C9F7E5B85D47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48DB2BAA-2367-6F7F-EB0B-76C969E46FB2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1BEC8B8E-63E6-9305-E019-7BB309A90409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01A5283A-C651-40AE-EFFF-0078CA2078AF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89F1D746-0C87-9DD6-BC93-06D907C92136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A14213FC-3DEB-B2B1-E9D7-A5B945241311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AD8505C7-FD6B-45E8-8A27-651E95011F28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8D727ADD-13DF-7E32-06ED-261142A96BB0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A6272B43-EF92-E243-A999-EC86D448D917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F6B27843-78A6-43B8-0A3C-D5E7566FE53C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0D95DEA6-84C6-4483-6C35-679DB4A8F3F9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F2F20CD3-8A8A-B39B-5674-B3A2F6EB4D5C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BB2F889C-7668-4BA5-0505-E8A83B4D47BA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5AEF889D-7CBB-985B-036F-4E58B67E131E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A3DF4E16-146E-01D9-4212-534406C181FC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7FC897B9-3074-1C0F-89D7-98C89E4F394F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DCA2D3BE-A3D5-F7F3-8132-DA2A5F349C23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F139067C-8D48-98A1-1B65-D503579DEDF4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E5204114-CC42-44D5-4787-2CC2F744745E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0380E695-B81E-B637-BF28-0CF668A170D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58B7CD73-31A6-12CE-5F93-E46AA97C5D91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7608EE9C-A359-9900-B44D-BF3E520CB113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875909F4-7589-E192-51A2-A44B748A841A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157D4BC0-E51B-44F4-BCA3-F2FA38495839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754E6524-A592-D7BE-2D4E-228681C5309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B91E31EF-2245-7C7D-F8F0-C43B39411FCB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380800DA-AB8B-5311-378A-D64AF61312F9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3C210A31-20BF-A773-7D33-94437B98822D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6A7F615A-CD22-BCB3-092E-D890420BD1AD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5504852B-6A4A-A2DB-709C-327B7B2FEA1C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347702C8-D7F9-972E-8CE6-E5C31E6BD69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7E9D3CB1-4517-30CB-E7D6-919ADF5F30C4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025C4737-A4C6-2EBE-858F-6A822B17B6CF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384E6807-854A-2F53-EFFF-BE18B2FDE903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83CAE3D8-E33A-DDE7-0A54-1C9069B9C043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CFBFD6E1-89BA-58D3-FF67-DC1B7070B80D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D93EEA04-62A8-9F18-B9F3-8E965E00D82E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6636AC9E-569C-DC27-F620-0F7992443E05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D205A403-CAC0-8AD2-B409-08D7C424E131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8CC19361-27F6-432C-1F3E-904AA43BE559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ACE96099-40DC-C654-1119-4A34ADD86DC4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23ADB031-1B14-D3E9-6CA7-6132385FE50C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6D0EC7D4-5B28-9B41-09AE-A7B4E294F315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46A50802-60FD-AD8C-23FE-5BF71FCA44D0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4ADFA1D0-6BD2-2842-F264-BE21DFC1C9B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1D652EC7-183D-A9BE-08F0-87477F1FC49D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61365126-BB1F-6F5F-B538-49FDAE44E5C5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22F4E063-DAF0-A362-9FCE-42CA035B28FD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9A849E6C-45D5-30B4-CA95-AE53CECDD347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6869A89D-8231-8C7C-6FE5-400F8DF5E747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B4A9580A-09D5-EF8C-6F60-50F55E369795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C48E6A20-6334-8C3D-9D63-943F29796C2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E0D46F16-CD78-59F9-6D1A-E0EA6154CA28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F8F53936-01E0-7B0D-4F9D-0B90A99F7644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4253C528-0B66-EC57-9D6B-DB0B5CC084F9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67932937-EA45-AC20-2DC2-21AA7E92DFF4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2C980D5B-675E-FBD7-EBD0-2A42AABE1758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1C0A4A08-30CB-0283-75CD-3268374DAED3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C9E83D57-E58D-4B07-C426-6F2DD4D945C0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72674D48-5050-95B3-2FEF-A993D8BE0DB1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69689891-5D7C-5A2F-3238-7067E1D3DDF3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254A38B9-9F3B-4746-AABA-24B64E5D5CE0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0B6A39F5-5D48-45B9-EB87-73D3EC4B1CE8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78F519DE-C147-2E6A-837C-5523D7BFF93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A720440A-77B1-06D3-3CBF-607C3217F931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8CFBF64E-4832-3FBB-8260-9C0503E1CB38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6BCB1EF0-6FE5-DE0E-9315-8584E6CE4E2D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992CCCE6-4C3B-A012-CA1C-4AA3C3FBF838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3A4A39E4-D591-5645-492F-82C9C4CC09FB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D451120B-82C6-3B2D-5194-72B10F503190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68DB14C8-A83E-A573-6CE4-D6888AA4B291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DFE8DEAE-E5D8-B7F0-CEC2-2B8C72F4333B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ECE52319-2AB9-4E85-F5B5-4C65FEE03E5D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6A818D9B-4F00-6B5A-1DDF-E0356C019AFE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A7E68A9B-267A-5B6E-2837-EB87686EEF26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527A08B5-66FE-C593-65BD-4583316E8295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DB0DE27F-4E5F-58B7-F69B-E24595726147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A7360A48-45E7-23B1-A68C-EF3710828CE6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330854BA-5C54-17B9-09FB-C49B8A80A99A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BFE544A1-C41D-BF66-82E5-219CE15101B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D54850A2-9CDB-D083-5C0E-93E8E985A3A8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34A6E542-6403-36F5-81C5-9B671AF2B2A9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45A31863-9649-B29E-CA53-0E5565E2AE56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59F61026-E7AF-2F43-7757-9FA2D7E69FA1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52F96F5E-35A4-5E7E-737F-46E4524E16FC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8C583517-A342-D1F7-ADFF-3F62E2651041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77EE96D4-8981-9434-DE4E-8CF561DE0BD7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DE27CE87-AE35-6221-2683-03EFFB6AF74F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299F4952-1B71-9ECB-C83F-64CDE70F1E5F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98AA41F5-28AB-4DD7-722B-74FF105C92FE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F10DF7A9-72EA-0C93-FC96-2E951F7214CB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45090E78-0351-BCE8-45CF-59D908D4D8D1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551A45DC-8FA2-12B2-16DD-43EAA0FCA0B4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51595DAA-7D28-E0FC-79EA-76B4AFFF8068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841BEBCA-6EBD-ABA0-A919-93F2E999C6F3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CAE8183A-3E77-492B-D365-6FB3E399A0A4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5A646A68-359A-E20A-5E73-F663B041863A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E92D7F75-F374-F39B-5CF3-56CFD55E6831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D17CA349-AC93-97A2-5BA0-D42D4B2D7984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D149A19B-B63B-67C0-9EF4-60AB5E8732E1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7B712625-3E4E-626C-E779-797693E461D9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77D9D2A4-731E-ECA3-EA67-90D17BB33CCB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23EDF86A-266A-7D94-50F2-9E4A16C0F5A6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1E1088E-2BF4-AAEE-2A02-FE8A05C48250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F5166A0F-9743-B2E4-C97E-5A2CB3CDFF94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2C4953EC-DB35-4889-2E93-BBD786661F40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2D695B5C-F6FE-0D1E-C520-A17849C22057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D151A1F5-888E-786B-6C09-362052833EE0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3CB21BF6-666F-F1F6-FE5C-6A7BB166B1CD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E4F68E69-A494-E048-9DD4-8F843FEC996D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FCBEA2DA-8D5A-EB10-84E3-78237162692E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9BB47F8E-1BD1-1488-8D67-1073027FD3D3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E979A098-A8E7-2ADD-A23C-285FC00C5244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49658011-F497-C02E-B263-0D5436B2D761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A7D42691-90FB-5D64-B1A3-84BA15A46CF7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CA5FD088-6FE5-B56F-10B2-E69C7470AB24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7DD566A3-A16E-C0DF-EBAB-CEF3CD2216F5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C2D8A11C-5E8E-C906-4273-93EA91966249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84074560-BEFE-B749-6F87-B409C714015A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8B5E6496-255F-717C-EDAF-D7C40B98A0AE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D8DD7788-F165-3911-BAB9-432203EEF94E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1EC59F73-E1DD-8616-FB35-3696467B545A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267D4CBD-975B-FC15-5AF9-387E48E13C5A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A42D81B4-823D-5D88-348E-A38D00E5034D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4F9BDEAD-5F21-2EFB-DB49-E5A2D285BBF5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A499087E-5AC5-94BB-E507-840793B953D4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3D771C10-D7D3-5409-FA77-A27119E74FA0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CAAC636E-4924-ED63-6D04-908743B3DB4C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D292D472-019C-6FE6-B859-3416038BB4C8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E73BFC99-BB16-FB74-2D65-3CA779B71B39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96BEA878-2BE6-EAD0-630F-62C8C3C1C9EF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788933F9-BC7B-BA14-D638-D2FB32700126}"/>
                </a:ext>
              </a:extLst>
            </p:cNvPr>
            <p:cNvSpPr txBox="1"/>
            <p:nvPr/>
          </p:nvSpPr>
          <p:spPr>
            <a:xfrm>
              <a:off x="16041873" y="9481269"/>
              <a:ext cx="430892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F6DA2E88-85E5-03F6-FE4E-D410894D1CDE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E42A87A5-A9A9-69CB-4F5A-2D2454D0FB70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FD6251D4-9AF1-1E40-2704-9611788B07F1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7DEF4529-46BB-801F-6849-04F2236139CB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ID" sz="2800" dirty="0" err="1"/>
              <a:t>Berdasarkan</a:t>
            </a:r>
            <a:r>
              <a:rPr lang="en-ID" sz="2800" dirty="0"/>
              <a:t> KTP Narendra </a:t>
            </a:r>
            <a:r>
              <a:rPr lang="en-ID" sz="2800" dirty="0" err="1"/>
              <a:t>adalah</a:t>
            </a:r>
            <a:r>
              <a:rPr lang="en-ID" sz="2800" dirty="0"/>
              <a:t> </a:t>
            </a:r>
            <a:r>
              <a:rPr lang="en-ID" sz="2800" dirty="0" err="1"/>
              <a:t>warga</a:t>
            </a:r>
            <a:r>
              <a:rPr lang="en-ID" sz="2800" dirty="0"/>
              <a:t> </a:t>
            </a:r>
            <a:r>
              <a:rPr lang="en-ID" sz="2800" dirty="0" err="1"/>
              <a:t>asal</a:t>
            </a:r>
            <a:r>
              <a:rPr lang="en-ID" sz="2800" dirty="0"/>
              <a:t> </a:t>
            </a:r>
            <a:r>
              <a:rPr lang="en-ID" sz="2800" dirty="0" err="1"/>
              <a:t>Klaten</a:t>
            </a:r>
            <a:r>
              <a:rPr lang="en-ID" sz="2800" dirty="0"/>
              <a:t>, </a:t>
            </a:r>
            <a:r>
              <a:rPr lang="en-ID" sz="2800" dirty="0" err="1"/>
              <a:t>Jawa</a:t>
            </a:r>
            <a:r>
              <a:rPr lang="en-ID" sz="2800" dirty="0"/>
              <a:t> Tengah yang </a:t>
            </a:r>
            <a:r>
              <a:rPr lang="en-ID" sz="2800" dirty="0" err="1"/>
              <a:t>bekerja</a:t>
            </a:r>
            <a:r>
              <a:rPr lang="en-ID" sz="2800" dirty="0"/>
              <a:t> di PT Virgo </a:t>
            </a:r>
            <a:r>
              <a:rPr lang="en-ID" sz="2800" dirty="0" err="1"/>
              <a:t>Bakti</a:t>
            </a:r>
            <a:r>
              <a:rPr lang="en-ID" sz="2800" dirty="0"/>
              <a:t> Surabaya. Di KPP </a:t>
            </a:r>
            <a:r>
              <a:rPr lang="en-ID" sz="2800" dirty="0" err="1"/>
              <a:t>Pratama</a:t>
            </a:r>
            <a:r>
              <a:rPr lang="en-ID" sz="2800" dirty="0"/>
              <a:t> Narendra mana </a:t>
            </a:r>
            <a:r>
              <a:rPr lang="en-ID" sz="2800" dirty="0" err="1"/>
              <a:t>harus</a:t>
            </a:r>
            <a:r>
              <a:rPr lang="en-ID" sz="2800" dirty="0"/>
              <a:t> </a:t>
            </a:r>
            <a:r>
              <a:rPr lang="en-ID" sz="2800" dirty="0" err="1"/>
              <a:t>mendaftarkan</a:t>
            </a:r>
            <a:r>
              <a:rPr lang="en-ID" sz="2800" dirty="0"/>
              <a:t> NPWP?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F70FEAF3-273E-D1BB-9B23-86B68FF83701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FF74EC6A-8627-D9EB-FE7F-C246BBF02563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AF14EDC2-DA19-08C1-71F1-17AED52BFA88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1</a:t>
              </a:r>
            </a:p>
          </p:txBody>
        </p:sp>
      </p:grpSp>
      <p:grpSp>
        <p:nvGrpSpPr>
          <p:cNvPr id="4" name="Group 3">
            <a:extLst>
              <a:ext uri="{FF2B5EF4-FFF2-40B4-BE49-F238E27FC236}">
                <a16:creationId xmlns="" xmlns:a16="http://schemas.microsoft.com/office/drawing/2014/main" id="{AF88E28D-5594-969E-7208-BF8B61F79203}"/>
              </a:ext>
            </a:extLst>
          </p:cNvPr>
          <p:cNvGrpSpPr/>
          <p:nvPr/>
        </p:nvGrpSpPr>
        <p:grpSpPr>
          <a:xfrm>
            <a:off x="639772" y="5091003"/>
            <a:ext cx="1893875" cy="1817967"/>
            <a:chOff x="399141" y="4127828"/>
            <a:chExt cx="2125720" cy="2592374"/>
          </a:xfrm>
        </p:grpSpPr>
        <p:sp>
          <p:nvSpPr>
            <p:cNvPr id="3" name="Rectangle: Rounded Corners 2">
              <a:hlinkClick r:id="" action="ppaction://noaction"/>
              <a:extLst>
                <a:ext uri="{FF2B5EF4-FFF2-40B4-BE49-F238E27FC236}">
                  <a16:creationId xmlns="" xmlns:a16="http://schemas.microsoft.com/office/drawing/2014/main" id="{0A840AFA-F015-3309-AD73-5458CB2F0D69}"/>
                </a:ext>
              </a:extLst>
            </p:cNvPr>
            <p:cNvSpPr/>
            <p:nvPr/>
          </p:nvSpPr>
          <p:spPr>
            <a:xfrm>
              <a:off x="671188" y="4339044"/>
              <a:ext cx="1601210" cy="2381158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pic>
          <p:nvPicPr>
            <p:cNvPr id="363" name="Picture 362">
              <a:hlinkClick r:id="" action="ppaction://noaction"/>
              <a:extLst>
                <a:ext uri="{FF2B5EF4-FFF2-40B4-BE49-F238E27FC236}">
                  <a16:creationId xmlns="" xmlns:a16="http://schemas.microsoft.com/office/drawing/2014/main" id="{03EA787B-0C9E-57D7-6205-42E8CD9A0548}"/>
                </a:ext>
              </a:extLst>
            </p:cNvPr>
            <p:cNvPicPr>
              <a:picLocks noChangeAspect="1"/>
            </p:cNvPicPr>
            <p:nvPr/>
          </p:nvPicPr>
          <p:blipFill>
            <a:blip r:embed="rId1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10685" y="4127828"/>
              <a:ext cx="1322216" cy="1322216"/>
            </a:xfrm>
            <a:prstGeom prst="rect">
              <a:avLst/>
            </a:prstGeom>
          </p:spPr>
        </p:pic>
        <p:sp>
          <p:nvSpPr>
            <p:cNvPr id="377" name="TextBox 376">
              <a:hlinkClick r:id="" action="ppaction://noaction"/>
              <a:extLst>
                <a:ext uri="{FF2B5EF4-FFF2-40B4-BE49-F238E27FC236}">
                  <a16:creationId xmlns="" xmlns:a16="http://schemas.microsoft.com/office/drawing/2014/main" id="{8B87E905-6B93-371F-997E-F8A961C00A65}"/>
                </a:ext>
              </a:extLst>
            </p:cNvPr>
            <p:cNvSpPr txBox="1"/>
            <p:nvPr/>
          </p:nvSpPr>
          <p:spPr>
            <a:xfrm>
              <a:off x="399141" y="5553334"/>
              <a:ext cx="2125720" cy="65832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400" b="1" i="0" u="none" strike="noStrike" kern="1200" cap="none" spc="0" normalizeH="0" baseline="0" noProof="0" dirty="0" err="1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rPr>
                <a:t>Klaten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5" name="Group 4">
            <a:extLst>
              <a:ext uri="{FF2B5EF4-FFF2-40B4-BE49-F238E27FC236}">
                <a16:creationId xmlns="" xmlns:a16="http://schemas.microsoft.com/office/drawing/2014/main" id="{24E91A59-51B6-1EAF-C4FC-3DDD7EC8D1D5}"/>
              </a:ext>
            </a:extLst>
          </p:cNvPr>
          <p:cNvGrpSpPr/>
          <p:nvPr/>
        </p:nvGrpSpPr>
        <p:grpSpPr>
          <a:xfrm>
            <a:off x="3590333" y="4965669"/>
            <a:ext cx="1840051" cy="2042223"/>
            <a:chOff x="4038686" y="3988223"/>
            <a:chExt cx="2125720" cy="2659996"/>
          </a:xfrm>
        </p:grpSpPr>
        <p:grpSp>
          <p:nvGrpSpPr>
            <p:cNvPr id="378" name="Group 377">
              <a:extLst>
                <a:ext uri="{FF2B5EF4-FFF2-40B4-BE49-F238E27FC236}">
                  <a16:creationId xmlns="" xmlns:a16="http://schemas.microsoft.com/office/drawing/2014/main" id="{6A35ECD7-AC03-486F-0F9F-D0EB41C1EE3E}"/>
                </a:ext>
              </a:extLst>
            </p:cNvPr>
            <p:cNvGrpSpPr/>
            <p:nvPr/>
          </p:nvGrpSpPr>
          <p:grpSpPr>
            <a:xfrm>
              <a:off x="4038686" y="4267061"/>
              <a:ext cx="2125720" cy="2381158"/>
              <a:chOff x="399141" y="4339044"/>
              <a:chExt cx="2125720" cy="2381158"/>
            </a:xfrm>
          </p:grpSpPr>
          <p:sp>
            <p:nvSpPr>
              <p:cNvPr id="379" name="Rectangle: Rounded Corners 378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04CD5523-6539-7446-D498-A194B2D0AE8F}"/>
                  </a:ext>
                </a:extLst>
              </p:cNvPr>
              <p:cNvSpPr/>
              <p:nvPr/>
            </p:nvSpPr>
            <p:spPr>
              <a:xfrm>
                <a:off x="671188" y="4339044"/>
                <a:ext cx="1601210" cy="2381158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1" name="TextBox 380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23D32611-8E15-1491-FCBF-1279B9AAA727}"/>
                  </a:ext>
                </a:extLst>
              </p:cNvPr>
              <p:cNvSpPr txBox="1"/>
              <p:nvPr/>
            </p:nvSpPr>
            <p:spPr>
              <a:xfrm>
                <a:off x="399141" y="5553334"/>
                <a:ext cx="2125720" cy="60131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400" b="1" i="0" u="none" strike="noStrike" kern="1200" cap="none" spc="0" normalizeH="0" baseline="0" noProof="0" dirty="0">
                    <a:ln>
                      <a:noFill/>
                    </a:ln>
                    <a:solidFill>
                      <a:srgbClr val="010D30"/>
                    </a:solidFill>
                    <a:effectLst/>
                    <a:uLnTx/>
                    <a:uFillTx/>
                    <a:latin typeface="Karla" pitchFamily="2" charset="0"/>
                    <a:ea typeface="+mn-ea"/>
                    <a:cs typeface="+mn-cs"/>
                  </a:rPr>
                  <a:t>Surabaya</a:t>
                </a:r>
              </a:p>
            </p:txBody>
          </p:sp>
        </p:grpSp>
        <p:pic>
          <p:nvPicPr>
            <p:cNvPr id="365" name="Picture 364">
              <a:hlinkClick r:id="" action="ppaction://noaction"/>
              <a:extLst>
                <a:ext uri="{FF2B5EF4-FFF2-40B4-BE49-F238E27FC236}">
                  <a16:creationId xmlns="" xmlns:a16="http://schemas.microsoft.com/office/drawing/2014/main" id="{864D2FBA-D91F-D8A5-6624-A122E3B7486C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6372" t="-816" r="44206" b="78796"/>
            <a:stretch/>
          </p:blipFill>
          <p:spPr>
            <a:xfrm>
              <a:off x="4171383" y="3988223"/>
              <a:ext cx="1941559" cy="1470609"/>
            </a:xfrm>
            <a:prstGeom prst="rect">
              <a:avLst/>
            </a:prstGeom>
          </p:spPr>
        </p:pic>
      </p:grpSp>
      <p:grpSp>
        <p:nvGrpSpPr>
          <p:cNvPr id="7" name="Group 6">
            <a:extLst>
              <a:ext uri="{FF2B5EF4-FFF2-40B4-BE49-F238E27FC236}">
                <a16:creationId xmlns="" xmlns:a16="http://schemas.microsoft.com/office/drawing/2014/main" id="{F5731A2B-9DDC-527F-B809-594CD0BC8823}"/>
              </a:ext>
            </a:extLst>
          </p:cNvPr>
          <p:cNvGrpSpPr/>
          <p:nvPr/>
        </p:nvGrpSpPr>
        <p:grpSpPr>
          <a:xfrm>
            <a:off x="611824" y="7498130"/>
            <a:ext cx="1893875" cy="1866648"/>
            <a:chOff x="371193" y="6901045"/>
            <a:chExt cx="2125720" cy="2661793"/>
          </a:xfrm>
        </p:grpSpPr>
        <p:grpSp>
          <p:nvGrpSpPr>
            <p:cNvPr id="382" name="Group 381">
              <a:extLst>
                <a:ext uri="{FF2B5EF4-FFF2-40B4-BE49-F238E27FC236}">
                  <a16:creationId xmlns="" xmlns:a16="http://schemas.microsoft.com/office/drawing/2014/main" id="{526DD42D-95E6-C9B6-9AFD-FB85F5F37D02}"/>
                </a:ext>
              </a:extLst>
            </p:cNvPr>
            <p:cNvGrpSpPr/>
            <p:nvPr/>
          </p:nvGrpSpPr>
          <p:grpSpPr>
            <a:xfrm>
              <a:off x="371193" y="7181680"/>
              <a:ext cx="2125720" cy="2381158"/>
              <a:chOff x="399141" y="4339044"/>
              <a:chExt cx="2125720" cy="2381158"/>
            </a:xfrm>
          </p:grpSpPr>
          <p:sp>
            <p:nvSpPr>
              <p:cNvPr id="383" name="Rectangle: Rounded Corners 382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2B52E0E4-0099-7B38-9427-68B95F0D9E6F}"/>
                  </a:ext>
                </a:extLst>
              </p:cNvPr>
              <p:cNvSpPr/>
              <p:nvPr/>
            </p:nvSpPr>
            <p:spPr>
              <a:xfrm>
                <a:off x="671188" y="4339044"/>
                <a:ext cx="1601210" cy="2381158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FEB45BB5-79D4-5059-D51C-C99703CFB813}"/>
                  </a:ext>
                </a:extLst>
              </p:cNvPr>
              <p:cNvSpPr txBox="1"/>
              <p:nvPr/>
            </p:nvSpPr>
            <p:spPr>
              <a:xfrm>
                <a:off x="399141" y="5553334"/>
                <a:ext cx="2125720" cy="65832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400" b="1" i="0" u="none" strike="noStrike" kern="1200" cap="none" spc="0" normalizeH="0" baseline="0" noProof="0" dirty="0">
                    <a:ln>
                      <a:noFill/>
                    </a:ln>
                    <a:solidFill>
                      <a:srgbClr val="010D30"/>
                    </a:solidFill>
                    <a:effectLst/>
                    <a:uLnTx/>
                    <a:uFillTx/>
                    <a:latin typeface="Karla" pitchFamily="2" charset="0"/>
                    <a:ea typeface="+mn-ea"/>
                    <a:cs typeface="+mn-cs"/>
                  </a:rPr>
                  <a:t>PT Virgo</a:t>
                </a:r>
              </a:p>
            </p:txBody>
          </p:sp>
        </p:grpSp>
        <p:pic>
          <p:nvPicPr>
            <p:cNvPr id="367" name="Picture 366">
              <a:hlinkClick r:id="" action="ppaction://noaction"/>
              <a:extLst>
                <a:ext uri="{FF2B5EF4-FFF2-40B4-BE49-F238E27FC236}">
                  <a16:creationId xmlns="" xmlns:a16="http://schemas.microsoft.com/office/drawing/2014/main" id="{2509D288-D4FD-5496-38D4-CCF86F6850BD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-1132" t="24807" r="61093" b="36464"/>
            <a:stretch/>
          </p:blipFill>
          <p:spPr>
            <a:xfrm>
              <a:off x="678110" y="6901045"/>
              <a:ext cx="1532683" cy="1500351"/>
            </a:xfrm>
            <a:prstGeom prst="rect">
              <a:avLst/>
            </a:prstGeom>
          </p:spPr>
        </p:pic>
      </p:grpSp>
      <p:grpSp>
        <p:nvGrpSpPr>
          <p:cNvPr id="6" name="Group 5">
            <a:extLst>
              <a:ext uri="{FF2B5EF4-FFF2-40B4-BE49-F238E27FC236}">
                <a16:creationId xmlns="" xmlns:a16="http://schemas.microsoft.com/office/drawing/2014/main" id="{FF78D945-6084-7C81-ECAE-5D70DEF3FBD2}"/>
              </a:ext>
            </a:extLst>
          </p:cNvPr>
          <p:cNvGrpSpPr/>
          <p:nvPr/>
        </p:nvGrpSpPr>
        <p:grpSpPr>
          <a:xfrm>
            <a:off x="3644460" y="7342017"/>
            <a:ext cx="1783282" cy="2019580"/>
            <a:chOff x="4075395" y="6879888"/>
            <a:chExt cx="2139094" cy="2781358"/>
          </a:xfrm>
        </p:grpSpPr>
        <p:grpSp>
          <p:nvGrpSpPr>
            <p:cNvPr id="386" name="Group 385">
              <a:extLst>
                <a:ext uri="{FF2B5EF4-FFF2-40B4-BE49-F238E27FC236}">
                  <a16:creationId xmlns="" xmlns:a16="http://schemas.microsoft.com/office/drawing/2014/main" id="{226CD698-BFA1-A38E-F64D-7D549672FA53}"/>
                </a:ext>
              </a:extLst>
            </p:cNvPr>
            <p:cNvGrpSpPr/>
            <p:nvPr/>
          </p:nvGrpSpPr>
          <p:grpSpPr>
            <a:xfrm>
              <a:off x="4075395" y="7280088"/>
              <a:ext cx="2125720" cy="2381158"/>
              <a:chOff x="399141" y="4339044"/>
              <a:chExt cx="2125720" cy="2381158"/>
            </a:xfrm>
          </p:grpSpPr>
          <p:sp>
            <p:nvSpPr>
              <p:cNvPr id="387" name="Rectangle: Rounded Corners 386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08761860-706E-0D73-725E-60FF97A29EFB}"/>
                  </a:ext>
                </a:extLst>
              </p:cNvPr>
              <p:cNvSpPr/>
              <p:nvPr/>
            </p:nvSpPr>
            <p:spPr>
              <a:xfrm>
                <a:off x="671188" y="4339044"/>
                <a:ext cx="1601210" cy="2381158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8" name="TextBox 387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0F549151-C93B-7983-C3B5-DEB9B8579D78}"/>
                  </a:ext>
                </a:extLst>
              </p:cNvPr>
              <p:cNvSpPr txBox="1"/>
              <p:nvPr/>
            </p:nvSpPr>
            <p:spPr>
              <a:xfrm>
                <a:off x="399141" y="5553334"/>
                <a:ext cx="2125720" cy="72057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800" b="1" i="0" u="none" strike="noStrike" kern="1200" cap="none" spc="0" normalizeH="0" baseline="0" noProof="0" dirty="0">
                    <a:ln>
                      <a:noFill/>
                    </a:ln>
                    <a:solidFill>
                      <a:srgbClr val="010D30"/>
                    </a:solidFill>
                    <a:effectLst/>
                    <a:uLnTx/>
                    <a:uFillTx/>
                    <a:latin typeface="Karla" pitchFamily="2" charset="0"/>
                    <a:ea typeface="+mn-ea"/>
                    <a:cs typeface="+mn-cs"/>
                  </a:rPr>
                  <a:t>Jakarta</a:t>
                </a:r>
              </a:p>
            </p:txBody>
          </p:sp>
        </p:grpSp>
        <p:pic>
          <p:nvPicPr>
            <p:cNvPr id="369" name="Picture 368">
              <a:hlinkClick r:id="" action="ppaction://noaction"/>
              <a:extLst>
                <a:ext uri="{FF2B5EF4-FFF2-40B4-BE49-F238E27FC236}">
                  <a16:creationId xmlns="" xmlns:a16="http://schemas.microsoft.com/office/drawing/2014/main" id="{6089E65A-72DC-0BAE-ADAA-78ADA7EA043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711" t="72728" r="60679" b="-1945"/>
            <a:stretch/>
          </p:blipFill>
          <p:spPr>
            <a:xfrm>
              <a:off x="4127496" y="6879888"/>
              <a:ext cx="2086993" cy="1598361"/>
            </a:xfrm>
            <a:prstGeom prst="rect">
              <a:avLst/>
            </a:prstGeom>
          </p:spPr>
        </p:pic>
      </p:grpSp>
      <p:sp>
        <p:nvSpPr>
          <p:cNvPr id="2" name="Rectangle 1">
            <a:extLst>
              <a:ext uri="{FF2B5EF4-FFF2-40B4-BE49-F238E27FC236}">
                <a16:creationId xmlns="" xmlns:a16="http://schemas.microsoft.com/office/drawing/2014/main" id="{E62CBD83-F926-DFAE-78E9-0A11BE355AE7}"/>
              </a:ext>
            </a:extLst>
          </p:cNvPr>
          <p:cNvSpPr/>
          <p:nvPr/>
        </p:nvSpPr>
        <p:spPr>
          <a:xfrm>
            <a:off x="0" y="0"/>
            <a:ext cx="6858000" cy="11975137"/>
          </a:xfrm>
          <a:prstGeom prst="rect">
            <a:avLst/>
          </a:prstGeom>
          <a:solidFill>
            <a:srgbClr val="010D30">
              <a:alpha val="72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99C1114E-1CF0-9D31-C7C4-FF7F26905E6A}"/>
              </a:ext>
            </a:extLst>
          </p:cNvPr>
          <p:cNvGrpSpPr/>
          <p:nvPr/>
        </p:nvGrpSpPr>
        <p:grpSpPr>
          <a:xfrm>
            <a:off x="1644906" y="5605254"/>
            <a:ext cx="3323424" cy="2004698"/>
            <a:chOff x="971131" y="5605254"/>
            <a:chExt cx="3323424" cy="2004698"/>
          </a:xfrm>
        </p:grpSpPr>
        <p:grpSp>
          <p:nvGrpSpPr>
            <p:cNvPr id="16" name="Group 15">
              <a:extLst>
                <a:ext uri="{FF2B5EF4-FFF2-40B4-BE49-F238E27FC236}">
                  <a16:creationId xmlns="" xmlns:a16="http://schemas.microsoft.com/office/drawing/2014/main" id="{2206CA54-E877-3253-8B03-A895AE55E1E7}"/>
                </a:ext>
              </a:extLst>
            </p:cNvPr>
            <p:cNvGrpSpPr/>
            <p:nvPr/>
          </p:nvGrpSpPr>
          <p:grpSpPr>
            <a:xfrm>
              <a:off x="971131" y="5605254"/>
              <a:ext cx="3323424" cy="2004698"/>
              <a:chOff x="1502896" y="6086495"/>
              <a:chExt cx="3323424" cy="2004698"/>
            </a:xfrm>
          </p:grpSpPr>
          <p:sp>
            <p:nvSpPr>
              <p:cNvPr id="8" name="Rectangle: Rounded Corners 7">
                <a:extLst>
                  <a:ext uri="{FF2B5EF4-FFF2-40B4-BE49-F238E27FC236}">
                    <a16:creationId xmlns="" xmlns:a16="http://schemas.microsoft.com/office/drawing/2014/main" id="{427D7FFE-5FA5-19C6-3B16-D4E68969A918}"/>
                  </a:ext>
                </a:extLst>
              </p:cNvPr>
              <p:cNvSpPr/>
              <p:nvPr/>
            </p:nvSpPr>
            <p:spPr>
              <a:xfrm>
                <a:off x="1502896" y="6086495"/>
                <a:ext cx="3323424" cy="2004698"/>
              </a:xfrm>
              <a:prstGeom prst="roundRect">
                <a:avLst/>
              </a:prstGeom>
              <a:solidFill>
                <a:srgbClr val="FF000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D" dirty="0"/>
              </a:p>
            </p:txBody>
          </p:sp>
          <p:sp>
            <p:nvSpPr>
              <p:cNvPr id="9" name="TextBox 8">
                <a:extLst>
                  <a:ext uri="{FF2B5EF4-FFF2-40B4-BE49-F238E27FC236}">
                    <a16:creationId xmlns="" xmlns:a16="http://schemas.microsoft.com/office/drawing/2014/main" id="{A6F9F0F1-C1BC-FF0B-A58E-423F73BA191D}"/>
                  </a:ext>
                </a:extLst>
              </p:cNvPr>
              <p:cNvSpPr txBox="1"/>
              <p:nvPr/>
            </p:nvSpPr>
            <p:spPr>
              <a:xfrm>
                <a:off x="1896956" y="6297928"/>
                <a:ext cx="1409168" cy="646331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US" sz="3600" dirty="0"/>
                  <a:t>SALAH</a:t>
                </a:r>
                <a:endParaRPr lang="en-ID" sz="3600" dirty="0"/>
              </a:p>
            </p:txBody>
          </p:sp>
          <p:sp>
            <p:nvSpPr>
              <p:cNvPr id="10" name="Rectangle: Rounded Corners 9">
                <a:hlinkClick r:id="rId17" action="ppaction://hlinksldjump"/>
                <a:extLst>
                  <a:ext uri="{FF2B5EF4-FFF2-40B4-BE49-F238E27FC236}">
                    <a16:creationId xmlns="" xmlns:a16="http://schemas.microsoft.com/office/drawing/2014/main" id="{2A7F68B0-9F03-8B2A-FE5F-236B1B07422C}"/>
                  </a:ext>
                </a:extLst>
              </p:cNvPr>
              <p:cNvSpPr/>
              <p:nvPr/>
            </p:nvSpPr>
            <p:spPr>
              <a:xfrm>
                <a:off x="2024895" y="7129956"/>
                <a:ext cx="2561716" cy="538995"/>
              </a:xfrm>
              <a:prstGeom prst="roundRect">
                <a:avLst/>
              </a:prstGeom>
              <a:solidFill>
                <a:srgbClr val="7030A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400" dirty="0"/>
                  <a:t>COBA LAGI</a:t>
                </a:r>
                <a:endParaRPr lang="en-ID" sz="2400" dirty="0"/>
              </a:p>
            </p:txBody>
          </p:sp>
        </p:grpSp>
        <p:pic>
          <p:nvPicPr>
            <p:cNvPr id="12" name="Graphic 11" descr="Close with solid fill">
              <a:extLst>
                <a:ext uri="{FF2B5EF4-FFF2-40B4-BE49-F238E27FC236}">
                  <a16:creationId xmlns="" xmlns:a16="http://schemas.microsoft.com/office/drawing/2014/main" id="{D50A68A1-F814-DB73-DE10-699FEDE71EAC}"/>
                </a:ext>
              </a:extLst>
            </p:cNvPr>
            <p:cNvPicPr>
              <a:picLocks noChangeAspect="1"/>
            </p:cNvPicPr>
            <p:nvPr/>
          </p:nvPicPr>
          <p:blipFill>
            <a:blip r:embed="rId18" cstate="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="" xmlns:asvg="http://schemas.microsoft.com/office/drawing/2016/SVG/main" r:embed="rId19"/>
                </a:ext>
              </a:extLst>
            </a:blip>
            <a:stretch>
              <a:fillRect/>
            </a:stretch>
          </p:blipFill>
          <p:spPr>
            <a:xfrm>
              <a:off x="2971800" y="5638800"/>
              <a:ext cx="914400" cy="91440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474219572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F0D206B5-E770-9EEB-9F94-A03436E55CB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C6BB48D7-312E-3669-E350-E3A02587FF93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8D78CD2F-F66B-E77E-4347-14D527FEB4AA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E10A15BB-3727-68C9-F4EB-33616E9C0AB1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549E832E-F1B0-1B5B-8758-FEAA616FE898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D5936E0E-4BED-86D4-12DD-1CD66031786B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70226180-1C3A-EEB8-C0A4-4D30E025322C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A0566457-705B-ACDB-5490-16A8BF987BCA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B375F744-E6A0-1D69-4318-2DCE09CA01D6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CD2D5BC3-37C5-5AB6-A3B5-01D21CEC1AB6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AD42F17B-8A0C-0B33-A78C-4D3F750F140F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4402A36E-C9C8-17AC-B870-578BF82BC802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F950EB7D-9817-0AF5-2C03-52730EC22AE2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02E28F16-BBBB-13CD-BCA1-CD313E5EE91A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961485B8-6DD9-5726-ABA7-6D927F7F9202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C33944C7-A4C4-E4A1-9D1E-B18E536427C3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8A19C420-4034-4A97-B08F-474041380FB8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6239CF50-660F-6061-950E-7D0C446AA300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8DDD5962-1A9A-E51C-03F8-B9008781C36D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077F53AD-E33D-E36A-131B-4390EDAF5DAB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ACE90E2F-51F3-E757-DB19-E75F054F649A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72AE235D-5E0E-E586-4E1B-156D6A236F2C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87E7921B-8F3C-192B-4726-34F147E76235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A0E75AE0-1A49-A6A3-3666-41587E2DDE90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A15D79B9-2E96-4FB9-95E1-CCCD603BCEA2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86D4B932-4086-15A0-ADA0-604F5B847EEE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664DF387-C6C4-EF60-629B-7D08BAC8B50D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BD69CB4B-6AC8-8EE5-6488-026C5793BDE2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3AAAA873-4027-0D74-A885-01B9F53F4E82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FACFE8FE-A996-512F-0A14-3FB28A698C59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8E92645C-8319-D186-7B69-9E992A6E731C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8A71240C-85A7-38E7-9AD7-1148E17111D0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A515944E-6989-0D50-68CE-8D4719420CC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CA213961-EBDB-9675-F7B1-5EDCF5248F28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1E59F327-3A40-5741-0663-B0B314B241A7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5DB6BCFC-EF56-B01D-CE28-C5C4C9416DF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F9E03DFC-5817-7059-33AE-B157D554C3C0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9D13DE50-737A-43F5-4D6B-F5E6680CC74F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4AF76D81-BFAA-CB1F-DCA9-C8C40EEFF27E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535D6C55-31B7-BED2-8E48-F6C9FE5CC214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2F2E28CA-5B02-1AFA-A020-BC8440BA30D1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9E08F643-620F-E01A-ABE9-7FE3E43B021F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99D5AE7C-796A-528C-4BA3-70345126369A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6663A0F9-F959-74F0-ED9E-A6B765F997B5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778353C8-1E7E-7790-16F9-D9A56864AEE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7A83CA17-A6AB-1CAE-08FC-19793CDEFF16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2F9E89DE-505D-50D7-7F94-3159656C9119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B62E158C-07F3-65A9-EC7E-1D160C1917B4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0FDCAD1C-73B1-7C1B-3825-10CBE9110705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F4A45256-8F87-BA10-177D-1B59E70D64DA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A89BBF28-DA9A-CB4F-05F6-D52EE55D85AD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755E3732-FB31-77B4-5B4D-93614C1C64F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45838DAA-A3A2-E0CA-8539-7A821F983CD7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8F90BBAA-78F7-2D65-4255-DD32B08F1857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B1EDE6E2-A1BA-7C70-FFE9-FDC7CF686817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7A74BE19-B97B-7765-B912-E8610DF72A83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E8815526-0C46-38D2-FD41-886C877E551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A70D1CC0-593B-75A6-0E1F-2F225245BDBD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3B445ADE-47D7-AEF3-2C2D-37455544A673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09B562B9-DD9E-41A9-14D3-3A35841E8ED2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885E4399-CC3F-BA8C-7B05-72DA34B244CE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31F43544-37E5-BEC6-B384-A1E52B657B78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0DB7FD30-E68C-4926-D0D2-FC9CDEEDD526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496A6524-1162-2937-150C-E98502707651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FC6D931A-88CD-DD8D-1F21-6394BA24F35F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2701A06E-578D-EA16-80CF-3C95803A576B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75F37A77-4A55-6E58-17B9-CF01FFA61C69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205FF4C9-BC38-BEE7-B489-2A26B59E4C73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BDD1F60A-7A18-7B4A-0835-C8C2CD7633FA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92382FA3-FA93-744D-4294-B36CC06ABD48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E378EBD3-F98B-24C9-C345-E5C0C84B4CF6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CC036A78-19AF-BAC6-0FB9-BEF815B5A4BC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779141F7-8459-5D56-25CC-7CC91D1D5A4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C20E084F-9A5D-A218-C5A9-A1AF9CA40B57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7E62C8C0-31AC-A5A6-46E8-19C008F246C5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A2CD2C58-861A-0F17-6B73-C8101AC9B23B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397CB7F6-7EFE-CB4E-5E93-84E3A222387B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5D59504B-88CA-AC6C-C976-5EB2514953E3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D2DC951A-50AF-91B4-DB81-F157EE8F5D15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A4EEC8B7-1212-CBD2-24FE-D43A977F46DB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3C9833E0-76D3-CDBD-5987-8BA47D1701AF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42972FD6-E1AB-6248-4511-1E206D3F54C5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706B0A80-C0C3-C9FB-25CA-20000C5A0EFC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8309B6AF-A072-892D-967F-5DF62C210B2D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54B572F5-A71B-5F6B-1269-4BF192C8BEFB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94C0676F-6788-E7C0-3E3E-BC3E391B3FFC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24821E3C-993F-4D13-FB8F-DFA5A207EBFD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C5766D59-C39A-3883-8581-E729EE1292F4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5A1A6DD3-205D-538A-4630-C872DB414A9C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CA9E5C9C-547B-2B91-3DFF-52067545C893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DEA763E9-3672-1C57-320C-43CF078BEA03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6303B1A6-3815-6223-5524-AED908B1957C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DC8C4B11-5EB7-577F-ADB2-CB0ED9E9556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5BFC4BE8-5B61-D409-7E17-9E2CA41C2B92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D18BD5A9-E27F-8918-0792-F2E26B8D87C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937176D3-C151-4D39-F77E-045835C4BCD5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30BB47C0-8B62-79A6-DCB1-3B9D2177F83D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E49BEB09-4516-C1E6-2A2E-9DE2C428EE7E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3E4FDC12-E851-8CC3-4E13-136D3E97670E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6887BEEC-F28C-E8A8-40BC-265E133E7162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64898D20-B886-4EC3-EF95-3B8CC6DAF12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336A2B4B-FBD2-FF60-F6AA-DBF634B7CC75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F1346D7C-A5B5-883E-5DC0-CFF24EDF8148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C561E57E-A184-30AC-674E-446B771455DB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EAF6FCCD-7A73-3375-70DD-B8F2BF1846E5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3CEE7FD5-87F0-2BAE-98C9-A7EA6C031264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054B4DDD-2A98-B450-5AE4-71BD142EFD35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D57D05E2-9FEF-02CB-140D-5DEAA51AD900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459D655B-25CE-2541-F22F-F4B54CCA0D12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F8E9B009-7E28-8F84-FD01-2D605687A6A0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BF7D371F-36D3-B1E2-DB2A-2F58C76864A1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3D518D85-177D-758B-ACE3-62B05402525C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07BCA6C9-FCA1-8CF1-B7F8-4ACB25C9D9C9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68C75601-3BB1-DD23-A586-A9ECA2C0B925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9A4BEE9F-75C9-15C2-4378-AC77ACE1BFCA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60A4DF00-79C1-12F1-2B25-6723173B536A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4772ACE6-E99C-8B7E-03D0-769D24B0BB62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A63637E8-A632-7CB5-2FBB-95F5C6DF5D29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0B2E458A-B5C3-B42F-CFD8-3AE2DED030D0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2706BDC3-2439-93A3-A1D6-D1F0A6C3EECF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EADC8636-100E-2550-0017-DC7153B93820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833DE988-E97A-D655-1B6F-76FF89F28370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7E1AA5A4-832D-6F53-508C-92B68C532614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AFD508AD-DCF7-8B51-02D8-5CCAC9034652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1A31211D-F90F-B9C2-18B4-5713798445A5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7EC8AC0A-320C-2686-D367-9109631C7116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79DE1B1B-5005-DA14-5DE0-D110ED2AF365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8F4DE283-5435-15D7-B8B2-C42960BD4C39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61A2B864-76E4-D69B-057A-5FF50F548394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0CEB018F-D784-15DA-3BF9-2CC5D3841B5E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3E4FF242-5B17-E65A-5E95-16495215B93F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3B93B8A4-33E2-6F9B-28FF-6CA2C9584FE1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A7FFC70C-75CB-33B4-7302-A101C87BC5E5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5A1EACFC-6D62-4C24-4FB5-112D71AAD5E1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7F0D8D5A-BA78-7211-82BD-5ABAF636969B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07C4EBD1-B4BD-1E92-74E1-86784479F91F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48655E30-6AE2-F11A-86C5-BAC2430F8844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023EF5F1-BC11-59C0-823E-D769A7985DF1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1AD0113C-5F2F-FD08-D3F4-748F24BB71FB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716BF621-3D8C-48A6-7C12-4EE590F8EC08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6FEAD4EC-3D43-861E-2C4A-52225A2581F8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0423C84D-0945-B875-5BFC-CCB9977B8C80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74BE5AB1-EC02-8E2A-86EE-276658D1E404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68EE6F56-25BE-328D-BFA8-9879FB00E407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BE5D3955-AA24-3BF8-EFDC-A05852A04C9D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10063519-B784-26CA-0110-DDE4AAC26602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CE25B895-3029-40AA-9ED5-3110F06C952C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9B68B93A-ED75-9EB9-4A81-0D33EDE65A17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6FC4AC22-F2F4-8157-38B9-C6488418CD7E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88914823-9022-273B-69DD-9F423A2B352E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91EAFA34-3018-F88A-BFF7-5C0C69503231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6C8A8F60-284D-6375-86B2-B90E7A09B701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61501FBB-FDFE-17F8-F1A6-35F59AB25FDF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E6E80AF0-309D-D7CF-8281-F58FE8708EE8}"/>
                </a:ext>
              </a:extLst>
            </p:cNvPr>
            <p:cNvSpPr txBox="1"/>
            <p:nvPr/>
          </p:nvSpPr>
          <p:spPr>
            <a:xfrm>
              <a:off x="16041873" y="9481269"/>
              <a:ext cx="381335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kumimoji="0" lang="en-US" sz="2800" b="0" i="0" u="none" strike="noStrike" kern="1200" cap="none" spc="0" normalizeH="0" baseline="0" noProof="0" dirty="0" err="1" smtClean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009DD22A-A813-F962-C780-7C50FD4661A1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02B6469B-1382-E4CA-994E-D39DA93F0382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DC76CCFA-DC36-865F-E50C-19A1D067AD2A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6FC05B1D-4C75-6B8D-6746-17173C1E700D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ID" sz="2800" dirty="0"/>
              <a:t>Agus dan </a:t>
            </a:r>
            <a:r>
              <a:rPr lang="en-ID" sz="2800" dirty="0" err="1"/>
              <a:t>Aulia</a:t>
            </a:r>
            <a:r>
              <a:rPr lang="en-ID" sz="2800" dirty="0"/>
              <a:t> </a:t>
            </a:r>
            <a:r>
              <a:rPr lang="en-ID" sz="2800" dirty="0" err="1"/>
              <a:t>adalah</a:t>
            </a:r>
            <a:r>
              <a:rPr lang="en-ID" sz="2800" dirty="0"/>
              <a:t> </a:t>
            </a:r>
            <a:r>
              <a:rPr lang="en-ID" sz="2800" dirty="0" err="1"/>
              <a:t>suami</a:t>
            </a:r>
            <a:r>
              <a:rPr lang="en-ID" sz="2800" dirty="0"/>
              <a:t> </a:t>
            </a:r>
            <a:r>
              <a:rPr lang="en-ID" sz="2800" dirty="0" err="1"/>
              <a:t>istri</a:t>
            </a:r>
            <a:r>
              <a:rPr lang="en-ID" sz="2800" dirty="0"/>
              <a:t> </a:t>
            </a:r>
            <a:r>
              <a:rPr lang="en-ID" sz="2800" dirty="0" err="1"/>
              <a:t>karyawan</a:t>
            </a:r>
            <a:r>
              <a:rPr lang="en-ID" sz="2800" dirty="0"/>
              <a:t> PT Cinta yang </a:t>
            </a:r>
            <a:r>
              <a:rPr lang="en-ID" sz="2800" dirty="0" err="1"/>
              <a:t>tidak</a:t>
            </a:r>
            <a:r>
              <a:rPr lang="en-ID" sz="2800" dirty="0"/>
              <a:t> </a:t>
            </a:r>
            <a:r>
              <a:rPr lang="en-ID" sz="2800" dirty="0" err="1"/>
              <a:t>melakukan</a:t>
            </a:r>
            <a:r>
              <a:rPr lang="en-ID" sz="2800" dirty="0"/>
              <a:t> </a:t>
            </a:r>
            <a:r>
              <a:rPr lang="en-ID" sz="2800" dirty="0" err="1"/>
              <a:t>perjanjian</a:t>
            </a:r>
            <a:r>
              <a:rPr lang="en-ID" sz="2800" dirty="0"/>
              <a:t> </a:t>
            </a:r>
            <a:r>
              <a:rPr lang="en-ID" sz="2800" dirty="0" err="1"/>
              <a:t>pisah</a:t>
            </a:r>
            <a:r>
              <a:rPr lang="en-ID" sz="2800" dirty="0"/>
              <a:t> </a:t>
            </a:r>
            <a:r>
              <a:rPr lang="en-ID" sz="2800" dirty="0" err="1"/>
              <a:t>harta</a:t>
            </a:r>
            <a:r>
              <a:rPr lang="en-ID" sz="2800" dirty="0"/>
              <a:t>. </a:t>
            </a:r>
            <a:r>
              <a:rPr lang="en-ID" sz="2800" dirty="0" err="1"/>
              <a:t>Berikut</a:t>
            </a:r>
            <a:r>
              <a:rPr lang="en-ID" sz="2800" dirty="0"/>
              <a:t> </a:t>
            </a:r>
            <a:r>
              <a:rPr lang="en-ID" sz="2800" dirty="0" err="1"/>
              <a:t>pernyataan</a:t>
            </a:r>
            <a:r>
              <a:rPr lang="en-ID" sz="2800" dirty="0"/>
              <a:t> yang paling </a:t>
            </a:r>
            <a:r>
              <a:rPr lang="en-ID" sz="2800" dirty="0" err="1"/>
              <a:t>tepat</a:t>
            </a:r>
            <a:r>
              <a:rPr lang="en-ID" sz="2800" dirty="0"/>
              <a:t> </a:t>
            </a:r>
            <a:r>
              <a:rPr lang="en-ID" sz="2800" dirty="0" err="1"/>
              <a:t>terkait</a:t>
            </a:r>
            <a:r>
              <a:rPr lang="en-ID" sz="2800" dirty="0"/>
              <a:t> NPWP </a:t>
            </a:r>
            <a:r>
              <a:rPr lang="en-ID" sz="2800" dirty="0" err="1"/>
              <a:t>mereka</a:t>
            </a:r>
            <a:r>
              <a:rPr lang="en-ID" sz="2800" dirty="0"/>
              <a:t>?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82A4BE59-405C-02FB-1A9C-3433205DC673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77A1ACA8-E092-7BF8-C2A5-08D246BCC7D0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5BD49D51-D278-BD66-0D8C-93C26A4AF1EB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2</a:t>
              </a: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DF0B308A-1A18-5E05-562B-9DB87C83A6E3}"/>
              </a:ext>
            </a:extLst>
          </p:cNvPr>
          <p:cNvGrpSpPr/>
          <p:nvPr/>
        </p:nvGrpSpPr>
        <p:grpSpPr>
          <a:xfrm>
            <a:off x="1086749" y="6814893"/>
            <a:ext cx="5494848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EA6B1A66-7C4C-6598-4A3E-CB42582B4B6F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015F0638-E1FD-0ED3-26B6-689B87066B83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Agus dan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Aulia</a:t>
              </a: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wajib</a:t>
              </a: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memiliki</a:t>
              </a: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 NPWP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sendiri-sendiri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0" name="Group 9">
            <a:extLst>
              <a:ext uri="{FF2B5EF4-FFF2-40B4-BE49-F238E27FC236}">
                <a16:creationId xmlns="" xmlns:a16="http://schemas.microsoft.com/office/drawing/2014/main" id="{2D5FBA70-3715-EEDF-7F50-22465C482734}"/>
              </a:ext>
            </a:extLst>
          </p:cNvPr>
          <p:cNvGrpSpPr/>
          <p:nvPr/>
        </p:nvGrpSpPr>
        <p:grpSpPr>
          <a:xfrm>
            <a:off x="754576" y="8123930"/>
            <a:ext cx="5663482" cy="1408084"/>
            <a:chOff x="754576" y="8123930"/>
            <a:chExt cx="5663482" cy="1408084"/>
          </a:xfrm>
        </p:grpSpPr>
        <p:sp>
          <p:nvSpPr>
            <p:cNvPr id="379" name="Rectangle: Rounded Corners 378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8E7E1ABC-C5B1-D20B-A81E-2005163C28D8}"/>
                </a:ext>
              </a:extLst>
            </p:cNvPr>
            <p:cNvSpPr/>
            <p:nvPr/>
          </p:nvSpPr>
          <p:spPr>
            <a:xfrm>
              <a:off x="1142052" y="8338009"/>
              <a:ext cx="4941705" cy="1194005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81" name="TextBox 380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0D7A1BD1-9B3F-5B3C-E0A9-0F366CDE222C}"/>
                </a:ext>
              </a:extLst>
            </p:cNvPr>
            <p:cNvSpPr txBox="1"/>
            <p:nvPr/>
          </p:nvSpPr>
          <p:spPr>
            <a:xfrm>
              <a:off x="2293099" y="8403546"/>
              <a:ext cx="4124959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Aulia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</a:t>
              </a: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saja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yang </a:t>
              </a: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dapat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</a:t>
              </a: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memiliki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NPWP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  <p:pic>
          <p:nvPicPr>
            <p:cNvPr id="365" name="Picture 364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656BDB95-872B-12C2-BB1A-DBE634B469E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6372" t="-816" r="44206" b="78796"/>
            <a:stretch/>
          </p:blipFill>
          <p:spPr>
            <a:xfrm>
              <a:off x="754576" y="8123930"/>
              <a:ext cx="1680639" cy="1129066"/>
            </a:xfrm>
            <a:prstGeom prst="rect">
              <a:avLst/>
            </a:prstGeom>
          </p:spPr>
        </p:pic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AB12BEBF-D766-1E58-8C0E-C888342FF699}"/>
              </a:ext>
            </a:extLst>
          </p:cNvPr>
          <p:cNvGrpSpPr/>
          <p:nvPr/>
        </p:nvGrpSpPr>
        <p:grpSpPr>
          <a:xfrm>
            <a:off x="1006430" y="5091003"/>
            <a:ext cx="5589589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6" action="ppaction://hlinksldjump"/>
              <a:extLst>
                <a:ext uri="{FF2B5EF4-FFF2-40B4-BE49-F238E27FC236}">
                  <a16:creationId xmlns="" xmlns:a16="http://schemas.microsoft.com/office/drawing/2014/main" id="{27095D00-33EA-63BD-B7E3-89B7493368E4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2714AF83-67E5-1DDD-39DF-17A9E48F9463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755927D5-BDF0-8834-4172-88AC5304DAF5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7A75398B-1E5D-37A8-7CFE-73774DBF5B8F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Hanya </a:t>
                </a:r>
                <a:r>
                  <a:rPr lang="en-US" sz="2400" b="1" dirty="0" err="1">
                    <a:solidFill>
                      <a:srgbClr val="010D30"/>
                    </a:solidFill>
                    <a:latin typeface="Karla" pitchFamily="2" charset="0"/>
                  </a:rPr>
                  <a:t>kepala</a:t>
                </a: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 </a:t>
                </a:r>
                <a:r>
                  <a:rPr lang="en-US" sz="2400" b="1" dirty="0" err="1">
                    <a:solidFill>
                      <a:srgbClr val="010D30"/>
                    </a:solidFill>
                    <a:latin typeface="Karla" pitchFamily="2" charset="0"/>
                  </a:rPr>
                  <a:t>Keluarga</a:t>
                </a: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 yang </a:t>
                </a:r>
                <a:r>
                  <a:rPr lang="en-US" sz="2400" b="1" dirty="0" err="1">
                    <a:solidFill>
                      <a:srgbClr val="010D30"/>
                    </a:solidFill>
                    <a:latin typeface="Karla" pitchFamily="2" charset="0"/>
                  </a:rPr>
                  <a:t>memiliki</a:t>
                </a: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 NPWP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4" action="ppaction://hlinksldjump"/>
            <a:extLst>
              <a:ext uri="{FF2B5EF4-FFF2-40B4-BE49-F238E27FC236}">
                <a16:creationId xmlns="" xmlns:a16="http://schemas.microsoft.com/office/drawing/2014/main" id="{B20DA307-95FD-B087-DE90-5CBC4F069F0D}"/>
              </a:ext>
            </a:extLst>
          </p:cNvPr>
          <p:cNvPicPr>
            <a:picLocks noChangeAspect="1"/>
          </p:cNvPicPr>
          <p:nvPr/>
        </p:nvPicPr>
        <p:blipFill rotWithShape="1"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980301" y="6511519"/>
            <a:ext cx="1365519" cy="10521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61105146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85F558CE-44E4-D5B0-FDC5-723449751898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BB3DAE9A-7489-F7BB-D9C9-CC6C2F80579E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E60C812A-C291-A074-C8EA-94233A230B31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3DC5C2C2-1DAE-49BC-5EE5-B86E1791411C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AD6996BB-8715-F7C9-A464-F09B66C3371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8415571D-6F3A-53F8-AFE1-71AFB179374B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3764FB93-8C71-1AB4-2C15-13D9C7ED2C01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CEEAC470-783E-23BB-EDD3-0D8769C87C81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FE9B66BE-4149-83CB-10AA-8A10D436079C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FD278EC7-0A26-9C1F-1C91-39E78A9F1C27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ADB9C76C-0752-4139-54D0-36024AE27D22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7468634A-ED12-B9DE-B6A8-20D7A5840749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BE99AA77-D535-0E10-DED6-C835C3748E11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B4798562-930F-3A26-F3A8-60F7C2EC9DB5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F2CA2040-4635-9005-3495-F07CE7151AED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A611CCE6-C09B-FC69-C944-DEEAB0E9784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8E27E5D2-5303-C6DA-4C17-1112B9CA3B1B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052B37A7-78CE-81F5-3885-74804C1B363C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BEB86E35-8F3F-370D-221B-199A324D53A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F32700F1-A1E7-609F-717B-9EB595272B65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70C61F18-3BEF-3319-42F3-19DB35CA2A52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2110BCB9-9D6A-FCFC-46E7-2D6CEF1B3C60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0700339B-E736-5A77-C933-6F4FE92B50D0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C5DBE4EE-BE48-81CC-5340-746F60850C3C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F18F7B53-BFF9-ABD3-3EBA-C22BEC30D0B2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B55545A3-FE34-04FF-E439-34D7F0CA9287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F08786EB-F46D-11D0-05F3-7B1896B4B84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83AA3C3B-0026-268B-EA4C-D274B49CC6D7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118BFCEA-6C21-532C-169C-BB4B64040453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1A5D4C3B-D9CE-2060-65B1-433B97A52CBB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82F72F84-78F1-A8E3-F107-26FC8DB004FD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0F6FE8FC-719A-BED4-E907-5276E4707ADB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72A4F8EC-0AA7-A498-1EC7-4F8F03ABA4D8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48183A09-95F0-6676-58B3-24D095F80A7C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475F687C-8144-1736-F104-89528E37B8E2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BEA644C7-1CF9-AE64-EE9C-435D7619E4B2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49506398-35BC-00D4-1294-27EC50754832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EC46C9FC-EC24-8E69-9C7A-F7B6A211A65F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A336B2F6-BB94-8F75-9B98-3FB481E9ED36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DF91CC07-D6B5-E327-7A86-77E74EEEFA9C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C26F23EF-2747-1D7F-F69A-A8AC76C73205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D78840DE-7371-B070-BC3B-4BBF267482AF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276E1E72-6C93-380A-B8B9-9B6E524C47FD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FA8EA1D4-B2B0-AD1D-3110-C197B933172C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BF71AAC0-F763-78D9-2D03-F3FDA34E425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A2D414EF-35F1-7BCE-AD7E-B92C86F3DD70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5BA4DB98-AD18-F907-0C87-63635A53E819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62A05B65-8430-D946-044A-5E5B7610227D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3D2B1054-9AD1-03CB-BCCC-164A13FAF378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3D34C1DF-CE82-E00F-BE8D-63DA1AA112DC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FAA8A381-D7DD-AF46-74A2-88D658763444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3496089A-2983-A85D-DA9F-9F520B9FA4C0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B70DADBB-DFBD-BE01-2715-8596F4C9DE43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BE555DD5-592F-843A-B1CC-C9F7D879F0C7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41C742D5-9FF1-C5F1-8318-AEF929A47D72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8D282BFF-5EE6-A822-AF13-96A1B58ED3EE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B9AD85BA-71AE-FC56-B1F4-E923CE90917B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47EEB417-6BBF-84B7-E4E9-28D44655470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F0B4DA00-EC71-DD0A-8A53-C829E1586C0F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7C146348-7AC6-9FDA-50A8-B2521A86BB92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0E8E05FE-2A96-736D-5FB3-98989CAA9F07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3311BD5C-8088-6F79-3B77-DCAB990FDE24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A7644F2A-44B8-5499-831D-F512969D696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31C43E16-A7C5-38B4-2694-C6DAF06FD85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1BD7C667-4E25-2A42-ACA7-857A0A73D479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BCD68BAA-5282-0F6A-CB0E-658F820C5AD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14AA6EA1-CCA9-6BE6-37BC-1833D146697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1A1394FD-FEBE-4F62-E25D-9078A9524703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7213A668-9D15-D091-A27B-2FBDA93E7366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668541D4-8C41-DB6C-91AC-B762A28A78E3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C61095B5-C63E-1591-ABD9-0A095B8BE114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A431625E-B019-D5C4-4499-81C28A600832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A82CBBDA-C22B-5484-C903-059609334A22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044C16A7-982B-94D7-EF61-7E0327DF435C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FC672A54-C178-6354-3BFB-8A487A839E1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287831FA-88C7-9786-5737-6982F4AA51AB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E938A10C-A369-A166-6DE5-BE112F3A60A1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CB5F5D7C-DAF9-6BF2-753E-DAB725E1A1EC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A8C53FAD-69D1-C2E9-8724-F68785062E93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368D57E2-E9A1-FB5C-8C06-CB6CF446785D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89569F2C-CC8B-D099-8B15-84CC52C1D25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56012DAD-832C-A675-97EE-3B2E58AF383A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7D0188AA-E818-FF93-1B39-E082DBF809CC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AA4FE9C2-4121-95C8-E67E-61F87D1B07F7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6421C42A-6AFE-D65E-5992-84931A98DD0E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76A4C3DB-8EFF-2169-EA63-C0636F519813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6FB1B453-4FDB-9448-F074-FB809AA015E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96715FF8-6624-BE7E-D527-7F51F13E559D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11C09F22-4A52-595A-8095-FF499D8C1787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C88E6004-DEDD-B7E8-FB98-F24A32ED5F35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6181CED4-10C8-B24B-3B79-98F63EFF13AA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CE1F8DF8-B5A8-2D1E-BABE-133EBC0240CC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D01C5F3C-0435-2267-64BB-4E290D7C43FC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8EE3D5D2-3A19-E8C8-DAE2-BD2CF4AF1612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86296459-2639-52CA-33C3-D86E21CFFC73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F488B787-3F6C-1ABA-1958-1E769B38289C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A6AD7FE6-6F21-8038-A1B9-D65294DC98D8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FEBB673B-EBB6-1DA2-4997-20191FAB88D6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3971ABCD-7CE6-4E22-EA7F-348A51C07CB5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DB282E58-FDEC-75B4-DA47-C2EB0A3F82C8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D2A9C5AD-7813-E6B1-09E4-A912D187D791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2BB1539D-2664-7CED-A590-2335DA697878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3F47F794-2941-53DC-5862-65B5AB190B76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4FEC0F32-56B3-4622-B5D1-3340037AAA40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71AA352A-0B96-595F-073E-F0E0A7C86C77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3F557542-CB7D-A100-8AE0-3D4B5E35583B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61F89A68-A5ED-703F-2AF0-A520DF09D065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30850322-7170-E419-29C2-F595333A9056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83ECA781-3D91-394C-8C39-7D9F63586065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FDAEB4F5-AB3A-7C9F-8EA7-3C6C69011E0C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B2B2B121-C0E8-E47A-69DB-EFAEA29CFE1B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E4A821FA-F86E-17CF-CF71-A078EF46A97E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5A3F0316-3660-ED0E-4BC1-775EC5B05D27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83CF2531-226E-633D-6732-B968FC6E9C09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0C4E09F4-7477-BB24-B312-1CF58FD9E98D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B04C0B4A-0F68-15A9-C68D-4B931CD2C33E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40B80CD5-3F73-7DD5-0878-D20A2601E98E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81BF4BF6-3FF1-854F-0464-3BF87056DE81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7D2F9ABF-5A60-98F2-D618-5AEEAC0FE73E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E1B2DA8B-E7F3-1CEC-5141-25D43D5B6F0B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D0597275-E689-263A-FAF8-61E456490834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9A0DA6B1-CA28-33FC-C9B8-07C5E51FD6F1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E3422772-D293-A036-5699-32394B73CC20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52DAE19D-E75E-88E2-783D-59879E62B9D5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4F319D4C-9D6F-6EAC-E64B-5724FECFE3C1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9BDFD9A4-838F-8AD5-61D2-8F3B43CAADFD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48A25279-44E3-4B4A-CE02-D6F33E16BF7C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65D2C0BA-BC7F-FE53-A0E6-CBADBF533D13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90B93E6B-8971-6889-058D-FD0638E128B8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6D365FC1-DFAD-92DC-2CBA-07F9893DE6E8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7B3AAB0B-B95F-FCAC-F5AC-E4180A2AFF55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AC350E9A-1681-60AC-4890-354A08C869B2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F342BAD7-A563-6F9D-D11F-A03038841775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027260D8-8559-D607-BC48-334882108737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FA094857-330C-9FB7-4F2C-0C47EFE455A5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0F376B73-2FDC-C2CE-907C-6E1A93B37DD3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3FB8D8D1-D103-E40B-8231-8D39ADD96817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BAB29A34-0392-E33C-DE6B-677F949D4356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CFFB12C1-4095-C304-73F6-F04C86382F0A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9A97B358-837C-7189-1AB5-3E882BDEE73A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8617462C-8856-2FB3-D603-22C7A0D1807D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4D26E80E-C073-EDCF-86AB-291015326E9E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AAC12C70-F50C-F448-C0A7-C44AFEF92E0C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DB8768EA-AA79-FBE5-0999-B4131DE7D649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8A1E199C-1CD9-AFBC-27AF-1B520371DD7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3D5546D8-0AB6-E31F-96D1-B161EED8E05E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4A6577CC-451C-F913-624E-F42EDADDF4DC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14E5B063-8A5F-CC19-387E-7A68CA966A47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5151E765-8C90-340B-ECBB-FCC72B0AA42E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905171F2-2790-194B-02A2-71AE7FC3A61A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61F76CCA-F1DA-F2EA-C511-68BC45F7DCF2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3345DD06-20E0-75A7-0CC8-A73CBF6D95F1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394AE39F-70A9-4879-D6B8-98ED8DBDB0CA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04A86603-A92C-EC96-4B6A-E50C6C4B06AE}"/>
                </a:ext>
              </a:extLst>
            </p:cNvPr>
            <p:cNvSpPr txBox="1"/>
            <p:nvPr/>
          </p:nvSpPr>
          <p:spPr>
            <a:xfrm>
              <a:off x="16041873" y="9481269"/>
              <a:ext cx="430892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AC0045E2-DD81-E7FB-AC07-753D1605C63E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2B2DB863-1CCB-E44A-9006-888099266660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0032CBBD-6C9D-D326-8C05-800C857DB690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BEA207D2-6907-CC82-CC60-8F9FEB2B5A4F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ID" sz="2800" dirty="0"/>
              <a:t>Agus dan </a:t>
            </a:r>
            <a:r>
              <a:rPr lang="en-ID" sz="2800" dirty="0" err="1"/>
              <a:t>Aulia</a:t>
            </a:r>
            <a:r>
              <a:rPr lang="en-ID" sz="2800" dirty="0"/>
              <a:t> </a:t>
            </a:r>
            <a:r>
              <a:rPr lang="en-ID" sz="2800" dirty="0" err="1"/>
              <a:t>adalah</a:t>
            </a:r>
            <a:r>
              <a:rPr lang="en-ID" sz="2800" dirty="0"/>
              <a:t> </a:t>
            </a:r>
            <a:r>
              <a:rPr lang="en-ID" sz="2800" dirty="0" err="1"/>
              <a:t>suami</a:t>
            </a:r>
            <a:r>
              <a:rPr lang="en-ID" sz="2800" dirty="0"/>
              <a:t> </a:t>
            </a:r>
            <a:r>
              <a:rPr lang="en-ID" sz="2800" dirty="0" err="1"/>
              <a:t>istri</a:t>
            </a:r>
            <a:r>
              <a:rPr lang="en-ID" sz="2800" dirty="0"/>
              <a:t> </a:t>
            </a:r>
            <a:r>
              <a:rPr lang="en-ID" sz="2800" dirty="0" err="1"/>
              <a:t>karyawan</a:t>
            </a:r>
            <a:r>
              <a:rPr lang="en-ID" sz="2800" dirty="0"/>
              <a:t> PT Cinta yang </a:t>
            </a:r>
            <a:r>
              <a:rPr lang="en-ID" sz="2800" dirty="0" err="1"/>
              <a:t>tidak</a:t>
            </a:r>
            <a:r>
              <a:rPr lang="en-ID" sz="2800" dirty="0"/>
              <a:t> </a:t>
            </a:r>
            <a:r>
              <a:rPr lang="en-ID" sz="2800" dirty="0" err="1"/>
              <a:t>melakukan</a:t>
            </a:r>
            <a:r>
              <a:rPr lang="en-ID" sz="2800" dirty="0"/>
              <a:t> </a:t>
            </a:r>
            <a:r>
              <a:rPr lang="en-ID" sz="2800" dirty="0" err="1"/>
              <a:t>perjanjian</a:t>
            </a:r>
            <a:r>
              <a:rPr lang="en-ID" sz="2800" dirty="0"/>
              <a:t> </a:t>
            </a:r>
            <a:r>
              <a:rPr lang="en-ID" sz="2800" dirty="0" err="1"/>
              <a:t>pisah</a:t>
            </a:r>
            <a:r>
              <a:rPr lang="en-ID" sz="2800" dirty="0"/>
              <a:t> </a:t>
            </a:r>
            <a:r>
              <a:rPr lang="en-ID" sz="2800" dirty="0" err="1"/>
              <a:t>harta</a:t>
            </a:r>
            <a:r>
              <a:rPr lang="en-ID" sz="2800" dirty="0"/>
              <a:t>. </a:t>
            </a:r>
            <a:r>
              <a:rPr lang="en-ID" sz="2800" dirty="0" err="1"/>
              <a:t>Berikut</a:t>
            </a:r>
            <a:r>
              <a:rPr lang="en-ID" sz="2800" dirty="0"/>
              <a:t> </a:t>
            </a:r>
            <a:r>
              <a:rPr lang="en-ID" sz="2800" dirty="0" err="1"/>
              <a:t>pernyataan</a:t>
            </a:r>
            <a:r>
              <a:rPr lang="en-ID" sz="2800" dirty="0"/>
              <a:t> yang paling </a:t>
            </a:r>
            <a:r>
              <a:rPr lang="en-ID" sz="2800" dirty="0" err="1"/>
              <a:t>tepat</a:t>
            </a:r>
            <a:r>
              <a:rPr lang="en-ID" sz="2800" dirty="0"/>
              <a:t> </a:t>
            </a:r>
            <a:r>
              <a:rPr lang="en-ID" sz="2800" dirty="0" err="1"/>
              <a:t>terkait</a:t>
            </a:r>
            <a:r>
              <a:rPr lang="en-ID" sz="2800" dirty="0"/>
              <a:t> NPWP </a:t>
            </a:r>
            <a:r>
              <a:rPr lang="en-ID" sz="2800" dirty="0" err="1"/>
              <a:t>mereka</a:t>
            </a:r>
            <a:r>
              <a:rPr lang="en-ID" sz="2800" dirty="0"/>
              <a:t>?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785E733E-3F30-03F5-3A99-2A35E3173FDA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B0426D1E-53E9-31DD-1A10-FC807A11F4D0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54A494E1-854B-5E62-21E1-4E76FDC58728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2</a:t>
              </a: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986E872B-0B0B-84E8-175B-074F00D382B7}"/>
              </a:ext>
            </a:extLst>
          </p:cNvPr>
          <p:cNvGrpSpPr/>
          <p:nvPr/>
        </p:nvGrpSpPr>
        <p:grpSpPr>
          <a:xfrm>
            <a:off x="1086749" y="6814893"/>
            <a:ext cx="5494848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B096DDA8-450F-D037-66D6-465F6C5B92A4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60E56DFE-27EA-623F-A23B-AF5A6ADF1F7E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Agus dan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Aulia</a:t>
              </a: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wajib</a:t>
              </a: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memiliki</a:t>
              </a: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 NPWP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sendiri-sendiri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0" name="Group 9">
            <a:extLst>
              <a:ext uri="{FF2B5EF4-FFF2-40B4-BE49-F238E27FC236}">
                <a16:creationId xmlns="" xmlns:a16="http://schemas.microsoft.com/office/drawing/2014/main" id="{37C5002E-54B3-C783-FA35-495E41CF1170}"/>
              </a:ext>
            </a:extLst>
          </p:cNvPr>
          <p:cNvGrpSpPr/>
          <p:nvPr/>
        </p:nvGrpSpPr>
        <p:grpSpPr>
          <a:xfrm>
            <a:off x="754576" y="8123930"/>
            <a:ext cx="5663482" cy="1408084"/>
            <a:chOff x="754576" y="8123930"/>
            <a:chExt cx="5663482" cy="1408084"/>
          </a:xfrm>
        </p:grpSpPr>
        <p:sp>
          <p:nvSpPr>
            <p:cNvPr id="379" name="Rectangle: Rounded Corners 378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9C3E3E09-AC29-FD27-64B4-11245DFCD35E}"/>
                </a:ext>
              </a:extLst>
            </p:cNvPr>
            <p:cNvSpPr/>
            <p:nvPr/>
          </p:nvSpPr>
          <p:spPr>
            <a:xfrm>
              <a:off x="819570" y="8338009"/>
              <a:ext cx="5264188" cy="1194005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81" name="TextBox 380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FA163E96-7C18-ECA7-8347-0284B14F3435}"/>
                </a:ext>
              </a:extLst>
            </p:cNvPr>
            <p:cNvSpPr txBox="1"/>
            <p:nvPr/>
          </p:nvSpPr>
          <p:spPr>
            <a:xfrm>
              <a:off x="2293099" y="8403546"/>
              <a:ext cx="4124959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Aulia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</a:t>
              </a: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saja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yang </a:t>
              </a: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dapat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</a:t>
              </a: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memiliki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NPWP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  <p:pic>
          <p:nvPicPr>
            <p:cNvPr id="365" name="Picture 364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D58E1B48-40D2-3E9A-1211-0AB340E269D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6372" t="-816" r="44206" b="78796"/>
            <a:stretch/>
          </p:blipFill>
          <p:spPr>
            <a:xfrm>
              <a:off x="754576" y="8123930"/>
              <a:ext cx="1680639" cy="1129066"/>
            </a:xfrm>
            <a:prstGeom prst="rect">
              <a:avLst/>
            </a:prstGeom>
          </p:spPr>
        </p:pic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A53FA973-D4C6-3162-2919-14D955C5AE28}"/>
              </a:ext>
            </a:extLst>
          </p:cNvPr>
          <p:cNvGrpSpPr/>
          <p:nvPr/>
        </p:nvGrpSpPr>
        <p:grpSpPr>
          <a:xfrm>
            <a:off x="1006430" y="5091003"/>
            <a:ext cx="5589589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B4F3CE7C-8F41-2397-6045-704B43D3D9CD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96A3C274-8763-2B5F-8FF4-DE3CB0E07244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E9C40B57-DE01-DAC9-04E3-39B53E30424D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7FE31D9C-B110-DA6A-B8BE-CAED7BF88931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Hanya </a:t>
                </a:r>
                <a:r>
                  <a:rPr lang="en-US" sz="2400" b="1" dirty="0" err="1">
                    <a:solidFill>
                      <a:srgbClr val="010D30"/>
                    </a:solidFill>
                    <a:latin typeface="Karla" pitchFamily="2" charset="0"/>
                  </a:rPr>
                  <a:t>kepala</a:t>
                </a: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 </a:t>
                </a:r>
                <a:r>
                  <a:rPr lang="en-US" sz="2400" b="1" dirty="0" err="1">
                    <a:solidFill>
                      <a:srgbClr val="010D30"/>
                    </a:solidFill>
                    <a:latin typeface="Karla" pitchFamily="2" charset="0"/>
                  </a:rPr>
                  <a:t>Keluarga</a:t>
                </a: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 yang </a:t>
                </a:r>
                <a:r>
                  <a:rPr lang="en-US" sz="2400" b="1" dirty="0" err="1">
                    <a:solidFill>
                      <a:srgbClr val="010D30"/>
                    </a:solidFill>
                    <a:latin typeface="Karla" pitchFamily="2" charset="0"/>
                  </a:rPr>
                  <a:t>memiliki</a:t>
                </a: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 NPWP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5" action="ppaction://hlinksldjump"/>
            <a:extLst>
              <a:ext uri="{FF2B5EF4-FFF2-40B4-BE49-F238E27FC236}">
                <a16:creationId xmlns="" xmlns:a16="http://schemas.microsoft.com/office/drawing/2014/main" id="{D04CD592-CD9F-9D50-B402-05B722E49122}"/>
              </a:ext>
            </a:extLst>
          </p:cNvPr>
          <p:cNvPicPr>
            <a:picLocks noChangeAspect="1"/>
          </p:cNvPicPr>
          <p:nvPr/>
        </p:nvPicPr>
        <p:blipFill rotWithShape="1"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980301" y="6511519"/>
            <a:ext cx="1365519" cy="1052158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="" xmlns:a16="http://schemas.microsoft.com/office/drawing/2014/main" id="{CC040E04-96FA-92A1-1B03-57E8827B9274}"/>
              </a:ext>
            </a:extLst>
          </p:cNvPr>
          <p:cNvSpPr/>
          <p:nvPr/>
        </p:nvSpPr>
        <p:spPr>
          <a:xfrm>
            <a:off x="0" y="0"/>
            <a:ext cx="6858000" cy="11975137"/>
          </a:xfrm>
          <a:prstGeom prst="rect">
            <a:avLst/>
          </a:prstGeom>
          <a:solidFill>
            <a:srgbClr val="010D30">
              <a:alpha val="72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4" name="Group 3">
            <a:extLst>
              <a:ext uri="{FF2B5EF4-FFF2-40B4-BE49-F238E27FC236}">
                <a16:creationId xmlns="" xmlns:a16="http://schemas.microsoft.com/office/drawing/2014/main" id="{9530B005-8342-FDED-24D2-8C0ED8BCB853}"/>
              </a:ext>
            </a:extLst>
          </p:cNvPr>
          <p:cNvGrpSpPr/>
          <p:nvPr/>
        </p:nvGrpSpPr>
        <p:grpSpPr>
          <a:xfrm>
            <a:off x="1502896" y="6086495"/>
            <a:ext cx="3323424" cy="2004698"/>
            <a:chOff x="1502896" y="6086495"/>
            <a:chExt cx="3323424" cy="2004698"/>
          </a:xfrm>
        </p:grpSpPr>
        <p:sp>
          <p:nvSpPr>
            <p:cNvPr id="5" name="Rectangle: Rounded Corners 4">
              <a:extLst>
                <a:ext uri="{FF2B5EF4-FFF2-40B4-BE49-F238E27FC236}">
                  <a16:creationId xmlns="" xmlns:a16="http://schemas.microsoft.com/office/drawing/2014/main" id="{44747A90-422E-DC57-009F-F6B7BD34189C}"/>
                </a:ext>
              </a:extLst>
            </p:cNvPr>
            <p:cNvSpPr/>
            <p:nvPr/>
          </p:nvSpPr>
          <p:spPr>
            <a:xfrm>
              <a:off x="1502896" y="6086495"/>
              <a:ext cx="3323424" cy="2004698"/>
            </a:xfrm>
            <a:prstGeom prst="roundRect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/>
            </a:p>
          </p:txBody>
        </p:sp>
        <p:sp>
          <p:nvSpPr>
            <p:cNvPr id="6" name="TextBox 5">
              <a:extLst>
                <a:ext uri="{FF2B5EF4-FFF2-40B4-BE49-F238E27FC236}">
                  <a16:creationId xmlns="" xmlns:a16="http://schemas.microsoft.com/office/drawing/2014/main" id="{8D9CE729-ECD8-4A3D-38B4-8ED2FFB1E9B8}"/>
                </a:ext>
              </a:extLst>
            </p:cNvPr>
            <p:cNvSpPr txBox="1"/>
            <p:nvPr/>
          </p:nvSpPr>
          <p:spPr>
            <a:xfrm>
              <a:off x="1896956" y="6297928"/>
              <a:ext cx="1478290" cy="646331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3600" dirty="0">
                  <a:solidFill>
                    <a:schemeClr val="bg1"/>
                  </a:solidFill>
                </a:rPr>
                <a:t>BENAR</a:t>
              </a:r>
              <a:endParaRPr lang="en-ID" sz="3600" dirty="0">
                <a:solidFill>
                  <a:schemeClr val="bg1"/>
                </a:solidFill>
              </a:endParaRPr>
            </a:p>
          </p:txBody>
        </p:sp>
        <p:sp>
          <p:nvSpPr>
            <p:cNvPr id="7" name="Rectangle: Rounded Corners 6">
              <a:hlinkClick r:id="rId19" action="ppaction://hlinksldjump"/>
              <a:extLst>
                <a:ext uri="{FF2B5EF4-FFF2-40B4-BE49-F238E27FC236}">
                  <a16:creationId xmlns="" xmlns:a16="http://schemas.microsoft.com/office/drawing/2014/main" id="{F6789628-62A2-92C1-4408-B5D28E2854C7}"/>
                </a:ext>
              </a:extLst>
            </p:cNvPr>
            <p:cNvSpPr/>
            <p:nvPr/>
          </p:nvSpPr>
          <p:spPr>
            <a:xfrm>
              <a:off x="2024895" y="7129956"/>
              <a:ext cx="2561716" cy="538995"/>
            </a:xfrm>
            <a:prstGeom prst="roundRect">
              <a:avLst/>
            </a:prstGeom>
            <a:solidFill>
              <a:srgbClr val="7030A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400" dirty="0"/>
                <a:t>SELANJUTNYA</a:t>
              </a:r>
              <a:endParaRPr lang="en-ID" sz="2400" dirty="0"/>
            </a:p>
          </p:txBody>
        </p:sp>
        <p:pic>
          <p:nvPicPr>
            <p:cNvPr id="8" name="Graphic 7" descr="Checkmark with solid fill">
              <a:extLst>
                <a:ext uri="{FF2B5EF4-FFF2-40B4-BE49-F238E27FC236}">
                  <a16:creationId xmlns="" xmlns:a16="http://schemas.microsoft.com/office/drawing/2014/main" id="{539F6668-7C1D-A901-AC23-23B4C9400AA9}"/>
                </a:ext>
              </a:extLst>
            </p:cNvPr>
            <p:cNvPicPr>
              <a:picLocks noChangeAspect="1"/>
            </p:cNvPicPr>
            <p:nvPr/>
          </p:nvPicPr>
          <p:blipFill>
            <a:blip r:embed="rId20" cstate="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="" xmlns:asvg="http://schemas.microsoft.com/office/drawing/2016/SVG/main" r:embed="rId21"/>
                </a:ext>
              </a:extLst>
            </a:blip>
            <a:stretch>
              <a:fillRect/>
            </a:stretch>
          </p:blipFill>
          <p:spPr>
            <a:xfrm>
              <a:off x="3501661" y="6151026"/>
              <a:ext cx="914400" cy="91440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906271462"/>
      </p:ext>
    </p:extLst>
  </p:cSld>
  <p:clrMapOvr>
    <a:masterClrMapping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83C6981C-B9AF-83CF-102E-2EA8A1920F6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465B173A-F930-3279-8B4E-EAEAA60A870B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14BC7D93-1EA7-66DB-65E0-2A44093B6044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C4E3C7A7-3474-F50B-1724-87925367D74A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6F31D43E-840F-6ED9-629A-F5E857DFDA76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8FE35D66-D3B2-9653-1445-FB7821AAE221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0B62F72C-250C-81A3-6092-67CBECA434C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E7E5B599-D670-99BE-E3E4-1FD4C8A34E22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021C808D-E9A7-1267-077C-D146AFBCB027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0D3F9F4C-B115-DA50-E168-E2D78F3D4791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6FE387D2-DF75-3ED1-B867-08F305DAD6FB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4335E78C-8E31-A37F-71C8-76B36DCCDCCA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0197D22C-BFFD-798A-EDB6-4D0FD66DF519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27D59168-D45E-F6B4-38D5-3D9BCD3411B1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23B0EDB0-8F92-74F4-BB0E-C3E8BAAB8B69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D27185D5-0C78-29E7-DC03-4E309C831412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12051721-0A80-0529-C7AD-082117A6E77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F6A9FBCA-D390-E264-3059-8C7F37971C46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C3863B8B-9133-A16E-3571-DE6E11545CE6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8CBC30B1-3234-1C49-81C8-995F515A3BF2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7CA501FE-8B74-ED3E-21E4-FFFE32288B5E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28C90BD3-1E69-BDEC-801A-3294D8EF104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95A33212-2D9B-CD5A-B244-C15D1F28777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45DCFDA1-C182-6EF3-A98B-15E7E2CDC422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B1468D10-1414-4C87-C8D0-13555BFFF24D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54D8909E-AC51-9172-89FF-26E88EA67ED7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AC925972-1BC9-2164-0A30-C72E0EDD205B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C324B520-FEF5-570E-1787-4DEB42E4965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3452D239-903F-1ECA-B8D2-C5BC4210A92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CF613136-47C6-370A-03B5-9311AAE1575A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309C4AE5-4031-9162-6B6D-86757963B1E1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C4A28B3D-7526-6C7F-0F96-ADC9DE64D88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0EB1D89D-1458-9540-77EA-1BAC89DD34AC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BFC24DE7-58B0-ECB1-B1DE-A229346FB103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4FDA203F-9910-C9F0-643A-43DBD9BCE224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F5A18091-DBAD-6B7E-5BF1-7C96176AC6E9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D32FDFBA-DA87-FC06-B5EB-CB38F2EAAFB9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D78C0072-2C39-6C54-FC97-6B2E1CA6C086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4664DABB-E4B8-E4FB-C881-6E75D31A2E74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0FDF5494-0904-080D-B281-1ECE747DC987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FABD2F15-B741-334A-8F9E-2C23608487E4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C3C1AFD0-E912-3D41-92B0-890CA6CB3DB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8D489133-3E4D-C866-B086-809D27B5837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B43EC28E-5F24-CA5E-5A57-AC22BE5125FA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2CF3E4BE-5E18-EBC7-E5B6-6E8969686769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F25A8363-CAF9-255F-3A88-9CB2AB473AA8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58A7FECA-9738-1ED2-8C28-7CE76792A80C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84E3965D-E62C-CE2D-4DAE-86F7F605EAAB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524B1E9B-40A6-7D51-144C-1FA2476444E1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4E8AF76E-A0DD-0DCA-2DC1-5F294730C6A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2F3CFF90-5466-BF42-2692-06E23DD93A90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C8987668-A79D-F476-8396-07FE3C1D3634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826CF2EE-155B-74AD-F035-32F19360956C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D1185DB0-9FCE-F8E5-0473-E76D7787EF23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8FFF8F19-A1A5-16A4-82D9-78CB775BB500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B6D4A49E-6CE6-1D9B-A7A9-629CEA930827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947E944B-0038-FE15-4C83-42DF657863E0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A088F2F0-D2FC-5185-8DA8-A4EF360321EC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52E4DA5D-4FD0-037D-9682-8B29A7F876A8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22182BFA-0491-250C-164A-F948D149DA81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EF18A0AD-0674-2252-FEFA-86D66CB8933A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DA8B2626-8CA2-FBE4-33A0-DA71A67BA91D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DADC131D-C8A7-F340-0DE8-C4982242ADBC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42247B6F-5095-4603-762B-E914496E26AB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F2220EDD-AC11-BACB-9DB9-4F7EDF1D23CF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AADE48A5-2AC6-E51B-2AEE-A4F368EF41FB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7DA208BA-A239-CC29-3F02-5FDBC90877A8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67C96808-FB7D-4DCC-5A05-B16FFCF8E27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9211F7B1-F821-311A-4CCD-594A93B391A5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B8917A95-3A3D-4C89-BE61-A3DBA723DED0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0C0EF594-AF09-7347-FAC7-5B42584C0CD2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8532C91C-F799-B65F-69C8-EF330556B289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1625B16D-CE10-75A5-F5B6-31FD4DA3F65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81CF2368-E9E7-7497-BBD8-286B535154C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FB4ED5D0-B471-34A2-2088-DC3A0E681987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B2199E63-094B-217C-0C00-C71443F0AFA7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19521CF5-7F75-3CA8-7A56-9801D2B341E8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F512CED5-68CE-E378-0FE6-E99325C7B3BA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3DF2327E-9C0C-25D6-9875-E9DBFF48E76D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2F7EE7BE-EEB1-A767-B4FC-765589177063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438A31DA-2F0D-4E2F-9A49-6AB70C2835F6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F0EA00C3-6437-1572-9E1B-CF49C1FA84A5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ABACEA83-DC7B-259A-F89F-C8F5D259A92F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58D7139D-651B-588C-1451-37C291D8820D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88FD83AA-EC1E-9644-85D3-593E027601BB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856D5B77-6989-99B2-7339-A176EFD14DB8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174B6AEF-FAD9-8858-4889-907C50DF047F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0CD16B48-1FB6-FC53-4067-A58FE5971919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598C8430-D8A5-EB43-F2B7-E83D7D2D5167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B4833D5A-292C-824F-0816-7B0FBB871E68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FE8460BF-8B35-0D76-1834-F1BFC56E7A49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C2FF14DE-F507-EDE5-5D35-1DEB037B30C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D23239CB-91A3-404B-74B1-8E20908C6EC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0800B490-62B8-7DC4-57B5-67A6286D36F1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A39AA0B8-227E-769F-FB49-A642993AE1A0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D7A819AD-4AA5-7D46-1026-A53123E90579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24506293-8A97-4A00-DB61-6A76F9A2DDE0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9DF7DF5D-4498-09AE-B464-6B3E4D143123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2DBA7A24-22AA-20B3-EA20-9DFEBF76FFF7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EEFE2C78-8A6D-BAFE-578C-8E7F93025C61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260A41C2-F99F-8C96-FD7A-247882AAD856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1B9035DE-7A30-69E0-68D8-AC8C15914C4B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51B2F149-9674-3615-7165-76592A2987A8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5100C073-3D28-5615-0C15-20BACE3C0372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13E12380-FDFC-3055-71EA-F22AE707C171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A3506ED1-11C6-75DD-DFE8-93D8EDE29583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4F283511-80ED-78CF-ADBB-990BFEE9E492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6AEDC5BE-1880-82AF-D203-3664B6790DD6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11E35189-81B1-695B-1DB2-1CB5F26FFC33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67DD3F3F-4335-5667-FD09-00952514F9CF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F787BF98-253B-69A2-8D99-A373E5C16337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E9C9FB93-1CC6-7C1B-DBA9-E44E0874EA00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5DB820F5-BEA2-4BC6-CE0A-7A21F667021B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D660024C-F963-AA73-7097-5F2C579AF591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66C9F0DB-6502-560B-596C-781888B92541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DB7B7D5C-1759-8AD7-EB8F-46544EE958D1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4C83897D-D1BC-D383-CB14-00D5EF70F47B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B053DB36-8BE6-ADF7-6793-63A19D11B878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93B2264D-BD65-64F5-C6BF-08674CEED083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FF672685-19AB-D54D-B681-2C09EF8E8CA7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5F62328C-E23E-BD06-6E91-9A0AEE210B4C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71107516-6104-152E-542B-DC2D2CC66D32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DCD476FC-A2E1-1FD1-8E9B-9E5FE41075F2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C9BF2DD9-CDC5-D8AF-672E-875D107D9D84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2320BF76-7093-797D-1915-05A08E217EAB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BAB0693-34B8-66CA-3127-E8ADB2D446A0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0826EC42-71E5-E706-4AA3-1D8FEF86D543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F1F634DF-D0B1-641B-C451-9A36ACA077D3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31D006E5-FEC9-BE7C-AEB7-8170390C1387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B8A28691-6555-6B56-1C8B-A5200AE13B0D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A36A6CF6-7D48-906A-F017-D801FD4B081C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39833B03-EA54-A4B7-7F20-3E7AD48F1C0F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0624CDA2-A71C-CCF9-35A3-A6BC73FF8AEA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1453CF44-87B0-FA08-4D48-21E62FF34651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DF4D48F5-525D-1C2C-ED10-5F8CE8D84D68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6A8A6150-6A42-C952-5C9F-66F1BA1B0711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7CA13B3C-FC22-A22E-FA10-6217C52F0CF6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64DF13F6-BDD7-F7A2-3CFF-ABC52198EF26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8DC6B1DB-4FCC-6271-E214-5868359CEFBA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572B8957-AAA7-A809-BB01-E4DA1141F762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F29E7697-2D26-4EC7-747A-3BDF7E757213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4A0D58C2-C6CB-8D3A-1931-E81927321159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02271864-326E-3ACA-241C-52BC68E4D486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B4B054C0-2BCB-AD5E-A195-B149CC01CA61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A7995027-78EF-36BF-C59A-D70622CA0860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339A149A-4CD6-40CB-D541-075C74656A47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2E8C7577-2714-CBD2-94D5-C7EAF12AB7B5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2CC82C92-FFC3-9F5D-D276-7BD2A22F6AE9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523C8D5F-2DCB-5585-DECB-4342043016AE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3D2C1143-A3DB-C52D-0BB4-98E3E8876937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6600D439-4428-8345-32D2-CA3B30A367D1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EE8D2CF4-E286-17DA-EFA7-7B23EC449DDF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C34A5E40-82EB-1D77-3195-3F9A857D39AD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E8242C48-37E0-309B-3EF1-339A4783B139}"/>
                </a:ext>
              </a:extLst>
            </p:cNvPr>
            <p:cNvSpPr txBox="1"/>
            <p:nvPr/>
          </p:nvSpPr>
          <p:spPr>
            <a:xfrm>
              <a:off x="16041873" y="9481269"/>
              <a:ext cx="430892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D7EB5125-B1D1-7F1C-B0A2-0708A4606903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C20F96B7-1FC8-7167-1D1F-CF2386E60174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AA37FEF8-637C-184A-1295-7FF165C2505C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4805E2B8-7367-0EC6-00BB-2AC4479D18FA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ID" sz="2800" dirty="0"/>
              <a:t>Agus dan </a:t>
            </a:r>
            <a:r>
              <a:rPr lang="en-ID" sz="2800" dirty="0" err="1"/>
              <a:t>Aulia</a:t>
            </a:r>
            <a:r>
              <a:rPr lang="en-ID" sz="2800" dirty="0"/>
              <a:t> </a:t>
            </a:r>
            <a:r>
              <a:rPr lang="en-ID" sz="2800" dirty="0" err="1"/>
              <a:t>adalah</a:t>
            </a:r>
            <a:r>
              <a:rPr lang="en-ID" sz="2800" dirty="0"/>
              <a:t> </a:t>
            </a:r>
            <a:r>
              <a:rPr lang="en-ID" sz="2800" dirty="0" err="1"/>
              <a:t>suami</a:t>
            </a:r>
            <a:r>
              <a:rPr lang="en-ID" sz="2800" dirty="0"/>
              <a:t> </a:t>
            </a:r>
            <a:r>
              <a:rPr lang="en-ID" sz="2800" dirty="0" err="1"/>
              <a:t>istri</a:t>
            </a:r>
            <a:r>
              <a:rPr lang="en-ID" sz="2800" dirty="0"/>
              <a:t> </a:t>
            </a:r>
            <a:r>
              <a:rPr lang="en-ID" sz="2800" dirty="0" err="1"/>
              <a:t>karyawan</a:t>
            </a:r>
            <a:r>
              <a:rPr lang="en-ID" sz="2800" dirty="0"/>
              <a:t> PT Cinta yang </a:t>
            </a:r>
            <a:r>
              <a:rPr lang="en-ID" sz="2800" dirty="0" err="1"/>
              <a:t>tidak</a:t>
            </a:r>
            <a:r>
              <a:rPr lang="en-ID" sz="2800" dirty="0"/>
              <a:t> </a:t>
            </a:r>
            <a:r>
              <a:rPr lang="en-ID" sz="2800" dirty="0" err="1"/>
              <a:t>melakukan</a:t>
            </a:r>
            <a:r>
              <a:rPr lang="en-ID" sz="2800" dirty="0"/>
              <a:t> </a:t>
            </a:r>
            <a:r>
              <a:rPr lang="en-ID" sz="2800" dirty="0" err="1"/>
              <a:t>perjanjian</a:t>
            </a:r>
            <a:r>
              <a:rPr lang="en-ID" sz="2800" dirty="0"/>
              <a:t> </a:t>
            </a:r>
            <a:r>
              <a:rPr lang="en-ID" sz="2800" dirty="0" err="1"/>
              <a:t>pisah</a:t>
            </a:r>
            <a:r>
              <a:rPr lang="en-ID" sz="2800" dirty="0"/>
              <a:t> </a:t>
            </a:r>
            <a:r>
              <a:rPr lang="en-ID" sz="2800" dirty="0" err="1"/>
              <a:t>harta</a:t>
            </a:r>
            <a:r>
              <a:rPr lang="en-ID" sz="2800" dirty="0"/>
              <a:t>. </a:t>
            </a:r>
            <a:r>
              <a:rPr lang="en-ID" sz="2800" dirty="0" err="1"/>
              <a:t>Berikut</a:t>
            </a:r>
            <a:r>
              <a:rPr lang="en-ID" sz="2800" dirty="0"/>
              <a:t> </a:t>
            </a:r>
            <a:r>
              <a:rPr lang="en-ID" sz="2800" dirty="0" err="1"/>
              <a:t>pernyataan</a:t>
            </a:r>
            <a:r>
              <a:rPr lang="en-ID" sz="2800" dirty="0"/>
              <a:t> yang paling </a:t>
            </a:r>
            <a:r>
              <a:rPr lang="en-ID" sz="2800" dirty="0" err="1"/>
              <a:t>tepat</a:t>
            </a:r>
            <a:r>
              <a:rPr lang="en-ID" sz="2800" dirty="0"/>
              <a:t> </a:t>
            </a:r>
            <a:r>
              <a:rPr lang="en-ID" sz="2800" dirty="0" err="1"/>
              <a:t>terkait</a:t>
            </a:r>
            <a:r>
              <a:rPr lang="en-ID" sz="2800" dirty="0"/>
              <a:t> NPWP </a:t>
            </a:r>
            <a:r>
              <a:rPr lang="en-ID" sz="2800" dirty="0" err="1"/>
              <a:t>mereka</a:t>
            </a:r>
            <a:r>
              <a:rPr lang="en-ID" sz="2800" dirty="0"/>
              <a:t>?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A44429F4-F74E-5184-03C2-E5D38E8FD4A4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95AD6A29-181C-5E34-C823-9FD987C5ED42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2FE4AC95-9FEB-D69D-CAB6-E7C8E7F27B6F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2</a:t>
              </a: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F066DE9B-AF60-B632-4BA1-4ED3CF524077}"/>
              </a:ext>
            </a:extLst>
          </p:cNvPr>
          <p:cNvGrpSpPr/>
          <p:nvPr/>
        </p:nvGrpSpPr>
        <p:grpSpPr>
          <a:xfrm>
            <a:off x="1086749" y="6814893"/>
            <a:ext cx="5494848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BD07919E-000A-192C-2813-B9DC9E74D277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94C568EC-37FE-D337-276A-1FEF30989EF2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Agus dan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Aulia</a:t>
              </a: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wajib</a:t>
              </a: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memiliki</a:t>
              </a:r>
              <a:r>
                <a:rPr lang="en-ID" sz="2400" b="1" i="0" dirty="0">
                  <a:solidFill>
                    <a:srgbClr val="000000"/>
                  </a:solidFill>
                  <a:effectLst/>
                  <a:latin typeface="ff0"/>
                </a:rPr>
                <a:t> NPWP </a:t>
              </a:r>
              <a:r>
                <a:rPr lang="en-ID" sz="2400" b="1" i="0" dirty="0" err="1">
                  <a:solidFill>
                    <a:srgbClr val="000000"/>
                  </a:solidFill>
                  <a:effectLst/>
                  <a:latin typeface="ff0"/>
                </a:rPr>
                <a:t>sendiri-sendiri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0" name="Group 9">
            <a:extLst>
              <a:ext uri="{FF2B5EF4-FFF2-40B4-BE49-F238E27FC236}">
                <a16:creationId xmlns="" xmlns:a16="http://schemas.microsoft.com/office/drawing/2014/main" id="{EDB9DB51-EC91-FB8D-2AE1-9C0960FAD72A}"/>
              </a:ext>
            </a:extLst>
          </p:cNvPr>
          <p:cNvGrpSpPr/>
          <p:nvPr/>
        </p:nvGrpSpPr>
        <p:grpSpPr>
          <a:xfrm>
            <a:off x="754576" y="8123930"/>
            <a:ext cx="5663482" cy="1408084"/>
            <a:chOff x="754576" y="8123930"/>
            <a:chExt cx="5663482" cy="1408084"/>
          </a:xfrm>
        </p:grpSpPr>
        <p:sp>
          <p:nvSpPr>
            <p:cNvPr id="379" name="Rectangle: Rounded Corners 378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B867D771-61C9-124D-1AAB-C6F5BB3105DB}"/>
                </a:ext>
              </a:extLst>
            </p:cNvPr>
            <p:cNvSpPr/>
            <p:nvPr/>
          </p:nvSpPr>
          <p:spPr>
            <a:xfrm>
              <a:off x="819570" y="8338009"/>
              <a:ext cx="5264188" cy="1194005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81" name="TextBox 380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83DC8EB0-A941-AB75-75B2-D38B624FE505}"/>
                </a:ext>
              </a:extLst>
            </p:cNvPr>
            <p:cNvSpPr txBox="1"/>
            <p:nvPr/>
          </p:nvSpPr>
          <p:spPr>
            <a:xfrm>
              <a:off x="2293099" y="8403546"/>
              <a:ext cx="4124959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Aulia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</a:t>
              </a: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saja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yang </a:t>
              </a: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dapat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</a:t>
              </a:r>
              <a:r>
                <a:rPr lang="en-US" sz="2400" b="1" dirty="0" err="1">
                  <a:solidFill>
                    <a:srgbClr val="010D30"/>
                  </a:solidFill>
                  <a:latin typeface="Karla" pitchFamily="2" charset="0"/>
                </a:rPr>
                <a:t>memiliki</a:t>
              </a:r>
              <a:r>
                <a:rPr lang="en-US" sz="2400" b="1" dirty="0">
                  <a:solidFill>
                    <a:srgbClr val="010D30"/>
                  </a:solidFill>
                  <a:latin typeface="Karla" pitchFamily="2" charset="0"/>
                </a:rPr>
                <a:t> NPWP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  <p:pic>
          <p:nvPicPr>
            <p:cNvPr id="365" name="Picture 364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3ABA1780-55F2-9772-0272-B1F17DAC6F5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6372" t="-816" r="44206" b="78796"/>
            <a:stretch/>
          </p:blipFill>
          <p:spPr>
            <a:xfrm>
              <a:off x="754576" y="8123930"/>
              <a:ext cx="1680639" cy="1129066"/>
            </a:xfrm>
            <a:prstGeom prst="rect">
              <a:avLst/>
            </a:prstGeom>
          </p:spPr>
        </p:pic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9CC76CFA-9B5A-5DD0-7AAB-8448A86F47FF}"/>
              </a:ext>
            </a:extLst>
          </p:cNvPr>
          <p:cNvGrpSpPr/>
          <p:nvPr/>
        </p:nvGrpSpPr>
        <p:grpSpPr>
          <a:xfrm>
            <a:off x="1006430" y="5091003"/>
            <a:ext cx="5589589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5614021E-CE15-B8CD-2CCB-BA540022BC88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01402CB0-CA28-C79B-9C24-2C70F8361A00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FC5C646F-081C-85D5-427D-4EFE9519E0EE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3034D4C8-2209-910F-02FF-5C09C55C727F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Hanya </a:t>
                </a:r>
                <a:r>
                  <a:rPr lang="en-US" sz="2400" b="1" dirty="0" err="1">
                    <a:solidFill>
                      <a:srgbClr val="010D30"/>
                    </a:solidFill>
                    <a:latin typeface="Karla" pitchFamily="2" charset="0"/>
                  </a:rPr>
                  <a:t>kepala</a:t>
                </a: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 </a:t>
                </a:r>
                <a:r>
                  <a:rPr lang="en-US" sz="2400" b="1" dirty="0" err="1">
                    <a:solidFill>
                      <a:srgbClr val="010D30"/>
                    </a:solidFill>
                    <a:latin typeface="Karla" pitchFamily="2" charset="0"/>
                  </a:rPr>
                  <a:t>Keluarga</a:t>
                </a: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 yang </a:t>
                </a:r>
                <a:r>
                  <a:rPr lang="en-US" sz="2400" b="1" dirty="0" err="1">
                    <a:solidFill>
                      <a:srgbClr val="010D30"/>
                    </a:solidFill>
                    <a:latin typeface="Karla" pitchFamily="2" charset="0"/>
                  </a:rPr>
                  <a:t>memiliki</a:t>
                </a:r>
                <a:r>
                  <a:rPr lang="en-US" sz="2400" b="1" dirty="0">
                    <a:solidFill>
                      <a:srgbClr val="010D30"/>
                    </a:solidFill>
                    <a:latin typeface="Karla" pitchFamily="2" charset="0"/>
                  </a:rPr>
                  <a:t> NPWP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5" action="ppaction://hlinksldjump"/>
            <a:extLst>
              <a:ext uri="{FF2B5EF4-FFF2-40B4-BE49-F238E27FC236}">
                <a16:creationId xmlns="" xmlns:a16="http://schemas.microsoft.com/office/drawing/2014/main" id="{D7FB4C87-D159-1947-5854-B7936F9C203C}"/>
              </a:ext>
            </a:extLst>
          </p:cNvPr>
          <p:cNvPicPr>
            <a:picLocks noChangeAspect="1"/>
          </p:cNvPicPr>
          <p:nvPr/>
        </p:nvPicPr>
        <p:blipFill rotWithShape="1"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980301" y="6511519"/>
            <a:ext cx="1365519" cy="1052158"/>
          </a:xfrm>
          <a:prstGeom prst="rect">
            <a:avLst/>
          </a:prstGeom>
        </p:spPr>
      </p:pic>
      <p:sp>
        <p:nvSpPr>
          <p:cNvPr id="2" name="Rectangle 1">
            <a:extLst>
              <a:ext uri="{FF2B5EF4-FFF2-40B4-BE49-F238E27FC236}">
                <a16:creationId xmlns="" xmlns:a16="http://schemas.microsoft.com/office/drawing/2014/main" id="{85A94CE9-68D3-44DF-2820-6BB1E90DEA6B}"/>
              </a:ext>
            </a:extLst>
          </p:cNvPr>
          <p:cNvSpPr/>
          <p:nvPr/>
        </p:nvSpPr>
        <p:spPr>
          <a:xfrm>
            <a:off x="0" y="0"/>
            <a:ext cx="6858000" cy="11975137"/>
          </a:xfrm>
          <a:prstGeom prst="rect">
            <a:avLst/>
          </a:prstGeom>
          <a:solidFill>
            <a:srgbClr val="010D30">
              <a:alpha val="72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4" name="Group 3">
            <a:extLst>
              <a:ext uri="{FF2B5EF4-FFF2-40B4-BE49-F238E27FC236}">
                <a16:creationId xmlns="" xmlns:a16="http://schemas.microsoft.com/office/drawing/2014/main" id="{7BBC2B46-69B5-C983-4F44-927307A5C7A1}"/>
              </a:ext>
            </a:extLst>
          </p:cNvPr>
          <p:cNvGrpSpPr/>
          <p:nvPr/>
        </p:nvGrpSpPr>
        <p:grpSpPr>
          <a:xfrm>
            <a:off x="1644906" y="5605254"/>
            <a:ext cx="3323424" cy="2004698"/>
            <a:chOff x="971131" y="5605254"/>
            <a:chExt cx="3323424" cy="2004698"/>
          </a:xfrm>
        </p:grpSpPr>
        <p:grpSp>
          <p:nvGrpSpPr>
            <p:cNvPr id="5" name="Group 4">
              <a:extLst>
                <a:ext uri="{FF2B5EF4-FFF2-40B4-BE49-F238E27FC236}">
                  <a16:creationId xmlns="" xmlns:a16="http://schemas.microsoft.com/office/drawing/2014/main" id="{4534AA5B-F84A-66AD-1765-116FDA6982D7}"/>
                </a:ext>
              </a:extLst>
            </p:cNvPr>
            <p:cNvGrpSpPr/>
            <p:nvPr/>
          </p:nvGrpSpPr>
          <p:grpSpPr>
            <a:xfrm>
              <a:off x="971131" y="5605254"/>
              <a:ext cx="3323424" cy="2004698"/>
              <a:chOff x="1502896" y="6086495"/>
              <a:chExt cx="3323424" cy="2004698"/>
            </a:xfrm>
          </p:grpSpPr>
          <p:sp>
            <p:nvSpPr>
              <p:cNvPr id="7" name="Rectangle: Rounded Corners 6">
                <a:extLst>
                  <a:ext uri="{FF2B5EF4-FFF2-40B4-BE49-F238E27FC236}">
                    <a16:creationId xmlns="" xmlns:a16="http://schemas.microsoft.com/office/drawing/2014/main" id="{B543A75D-FB38-AB91-123E-73A929AE78CD}"/>
                  </a:ext>
                </a:extLst>
              </p:cNvPr>
              <p:cNvSpPr/>
              <p:nvPr/>
            </p:nvSpPr>
            <p:spPr>
              <a:xfrm>
                <a:off x="1502896" y="6086495"/>
                <a:ext cx="3323424" cy="2004698"/>
              </a:xfrm>
              <a:prstGeom prst="roundRect">
                <a:avLst/>
              </a:prstGeom>
              <a:solidFill>
                <a:srgbClr val="FF000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D" dirty="0"/>
              </a:p>
            </p:txBody>
          </p:sp>
          <p:sp>
            <p:nvSpPr>
              <p:cNvPr id="8" name="TextBox 7">
                <a:extLst>
                  <a:ext uri="{FF2B5EF4-FFF2-40B4-BE49-F238E27FC236}">
                    <a16:creationId xmlns="" xmlns:a16="http://schemas.microsoft.com/office/drawing/2014/main" id="{4091A75A-89DF-E9F5-23B3-7DED0B00DDD1}"/>
                  </a:ext>
                </a:extLst>
              </p:cNvPr>
              <p:cNvSpPr txBox="1"/>
              <p:nvPr/>
            </p:nvSpPr>
            <p:spPr>
              <a:xfrm>
                <a:off x="1896956" y="6297928"/>
                <a:ext cx="1409168" cy="646331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US" sz="3600" dirty="0">
                    <a:solidFill>
                      <a:schemeClr val="bg1"/>
                    </a:solidFill>
                  </a:rPr>
                  <a:t>SALAH</a:t>
                </a:r>
                <a:endParaRPr lang="en-ID" sz="3600" dirty="0">
                  <a:solidFill>
                    <a:schemeClr val="bg1"/>
                  </a:solidFill>
                </a:endParaRPr>
              </a:p>
            </p:txBody>
          </p:sp>
          <p:sp>
            <p:nvSpPr>
              <p:cNvPr id="9" name="Rectangle: Rounded Corners 8">
                <a:hlinkClick r:id="rId19" action="ppaction://hlinksldjump"/>
                <a:extLst>
                  <a:ext uri="{FF2B5EF4-FFF2-40B4-BE49-F238E27FC236}">
                    <a16:creationId xmlns="" xmlns:a16="http://schemas.microsoft.com/office/drawing/2014/main" id="{441BE86F-996E-8B00-9E1D-B80A9A885A70}"/>
                  </a:ext>
                </a:extLst>
              </p:cNvPr>
              <p:cNvSpPr/>
              <p:nvPr/>
            </p:nvSpPr>
            <p:spPr>
              <a:xfrm>
                <a:off x="2024895" y="7129956"/>
                <a:ext cx="2561716" cy="538995"/>
              </a:xfrm>
              <a:prstGeom prst="roundRect">
                <a:avLst/>
              </a:prstGeom>
              <a:solidFill>
                <a:srgbClr val="7030A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400" dirty="0"/>
                  <a:t>COBA LAGI</a:t>
                </a:r>
                <a:endParaRPr lang="en-ID" sz="2400" dirty="0"/>
              </a:p>
            </p:txBody>
          </p:sp>
        </p:grpSp>
        <p:pic>
          <p:nvPicPr>
            <p:cNvPr id="6" name="Graphic 5" descr="Close with solid fill">
              <a:extLst>
                <a:ext uri="{FF2B5EF4-FFF2-40B4-BE49-F238E27FC236}">
                  <a16:creationId xmlns="" xmlns:a16="http://schemas.microsoft.com/office/drawing/2014/main" id="{43189CF4-BF10-7ABC-C82F-FD182784D7FA}"/>
                </a:ext>
              </a:extLst>
            </p:cNvPr>
            <p:cNvPicPr>
              <a:picLocks noChangeAspect="1"/>
            </p:cNvPicPr>
            <p:nvPr/>
          </p:nvPicPr>
          <p:blipFill>
            <a:blip r:embed="rId20" cstate="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="" xmlns:asvg="http://schemas.microsoft.com/office/drawing/2016/SVG/main" r:embed="rId21"/>
                </a:ext>
              </a:extLst>
            </a:blip>
            <a:stretch>
              <a:fillRect/>
            </a:stretch>
          </p:blipFill>
          <p:spPr>
            <a:xfrm>
              <a:off x="2971800" y="5638800"/>
              <a:ext cx="914400" cy="91440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183363160"/>
      </p:ext>
    </p:extLst>
  </p:cSld>
  <p:clrMapOvr>
    <a:masterClrMapping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AA5F584F-73B3-137C-4224-2ED37986A5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3B898788-6C81-A5D7-B52F-1A25552467F4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0351092B-1BB0-5B50-2871-06758230E2C1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E9BA5218-EA90-173E-5454-442945C51407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E0AB4543-2E9E-23E4-CF84-2AFC7C9F33B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1CD50D4C-87D7-9452-1DDB-351F45BD5AC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41DF04EF-E442-469E-5F6B-E99723B875A1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41376168-62B6-103B-3605-5B47ED9D3433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9DF6BF3D-5189-DC0E-066B-047F41FDE2FC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C7C60A36-7529-BE17-23F5-C98E8D78C3BE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35EBDE67-AE13-1530-C2F6-8D149028A8E3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0051B020-C87C-4ED0-B722-BAE68AB478B6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EFF46FEB-B7F2-383C-851A-2AE29B192040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8DB757E1-91EE-FE74-0745-59B1D3B5130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B6A9BD07-B8FC-E71D-DB7E-F02D8C18B880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47612B7C-322B-9604-B132-693DB618E63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25DF65DD-CD85-2D69-9173-440485D02160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08F82CB0-CBEE-4FA5-24F9-BC0636B1FF30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AF590D2D-3015-826F-ADD0-5CDC9A14599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E12FD56E-9B62-D075-819D-86B57C47F9AD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AF1EE086-3BC4-3432-B0CC-CB19C84F419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C3C7AD79-3A22-9916-6E4E-417C27254C70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F1A90581-AF9F-87C1-F567-BAAB438C464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C359993E-0FFF-FD81-516E-0A050F4683B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78867F94-4E58-0A54-071A-9A546E0B6D0F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1E3196AB-EA44-D38A-589C-FD568B573D41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A0B55D18-B990-44E3-92AE-7413084EBD87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B5C541D1-4985-2EB8-1C89-8549DF850D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8F3C1761-5DB4-3A97-F37E-36BEB521EE4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D2CABE6C-8015-0041-4847-B8F3D63CEA4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1C291579-02E6-22CA-FF70-B6E481194BFA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47A7CC21-8F61-9070-BAE5-AEFF372182EA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42D54390-941F-2248-8CBC-9C3FB117CE56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00F6DFA8-7849-8F62-2657-1C913F63D85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B1CFDBEC-A857-1B00-CF76-CA0E9135620C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A5443487-2D41-58AE-6A99-B7E6FFA00A15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4063B7E9-CEFC-0D79-72AE-5B588A347723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6E687913-2BB5-3886-5219-9AB927A5929D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AF5D9496-4C2B-3209-F3A5-14DEE1E70E52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5D8FF0CD-B69F-B1B2-D5EB-320D2879B91C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15189C02-B3AE-D345-8663-39CFDEE1D53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8D910887-180B-970A-A87F-7082F13DDA0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5D344960-8320-FC37-E83F-A6FC949AFE1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F846F8E6-BB47-5754-E716-D68EAB737B04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CD3C34F9-C183-AE29-BF71-BFFB3F0CEEFE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6F3F1814-C291-E63C-1866-D327F6928AFA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28A291B7-C9E3-4BE2-57A2-95D75657BD6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B048A827-608A-BCC2-9797-BD47DA43DD57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DBC241F9-22FE-D373-A694-237E658A224E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12A75C53-4EB1-6C50-1A9E-27B4F1852DE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E6C5CF19-3853-52CB-C48E-D6158F6A825A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D12F9010-639D-B6AE-4E0F-6C1A6E013CFB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2A4F4E45-CF13-204A-5A82-79F371EBEC4D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8F35637E-C304-37ED-8152-85D4FAA2E6F8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200F2764-8701-9650-8BA0-651F597168C1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9166704D-9163-B7E3-F55F-2C637A12F11E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B517B20F-52E5-5A1A-9274-4C9E0D9C6DAB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B97F9308-3C4D-BDF7-6E14-E4B8A3F3FA54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F6E40895-8FD9-8805-FDEB-C498DB06DCF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39ADA46E-2CB5-4301-1363-B0DB6A512D0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18D880B3-DB0A-3C3C-9A90-3754B82FFDFA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90FAF342-2B1A-141B-0F4A-96B1665FD8E9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CFDE616E-D1F6-4BCA-C021-E25345E68374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57A25DDB-0F84-034E-4FD1-79D25359A00F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C30749C7-AED7-9512-435A-0151E8189605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A18A54D5-52B2-EAAC-75BB-947171A853E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4B22A5FB-539C-5AC0-E05F-D77E715935F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7FD1952E-D69D-98A5-98E5-B5E7E663A6C2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770199BA-DF9D-05FB-9825-3054014A0ADE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CD0B20C7-B85B-0FD4-0B34-7C4EED8BEC6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8009B7EC-DBDC-4C79-DB4B-EBB2D7CC5CF5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210CEA76-66F5-15F9-F016-DC2011426CD4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5C021F86-B86F-043F-FAE8-A816817DDC59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115E71BD-204B-5248-599E-2CA43D92CCB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52440372-6026-0BD1-4F7A-766E27C8B76C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BA64438F-CDD2-D786-72D5-D2AA42C74A3A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3235A4BC-25BB-1EDE-3BF1-54FC7D40603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D02B521E-D50C-692C-27DC-4B7AED3A300F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3B6C93E0-E557-06C2-A30F-B961F6CD4385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7781847A-30DC-46D8-4FEE-A31042F2AD48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7EE2B798-C584-7336-0768-87DCB2F5354B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71C4FED6-22A1-13DB-B824-59833713BF7F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96A56F8B-7F27-6F38-7EB5-461971370B24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7B24B5E1-B4A0-BFC4-644C-B0B262F2EEC7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037E386A-5A38-B71F-D85C-0B81B4C374F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B229EFAF-A2AD-7264-7999-F37F3A7A126E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176AFC82-9601-0778-500B-82FF2EB560E0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CD369DB3-1311-8311-89F1-39B682867893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B1747290-5095-0B62-CFCA-4CB097C3831A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61F62C1B-90B7-1520-C855-96D7B32DFFA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E4BD4B06-D623-7E33-6015-286034C13FCE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D8F6E0EE-68E4-228E-278A-C1D4E2BB0BF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75176CBA-E543-F781-C9BE-48161EEC6611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EA5980B3-5D00-A453-6082-846C286AF589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39C1E864-733D-955D-5151-840B97394E5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0B386118-6B8B-E418-C1BE-819C767DE52F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0BFEA0E2-AB47-4671-D570-52081E38B2AC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3EBD7F6B-1B5A-6294-DD62-8D50B5FE195E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4E8C8E62-68EB-F85D-8AE9-71CF444DC914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C00BE17A-11B7-054A-0887-D06943DE293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CE7A1900-33C5-AC48-399A-DD6563D84D2E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EBCAEF21-4AE5-DCE9-EECC-8C8E653BD0AA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B565BAB8-FF10-76CF-35D7-825F08B0063D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E86D0162-36E5-0AB2-1A14-422FC70A5027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B7481CF3-9F8D-64FA-7656-4A4517050E40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21E88B79-4990-322E-401B-E3C40B56F50F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D9DA840A-C66F-D48A-3124-25AA07AF0164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D597DC07-11D9-FC21-5200-1187FB6CEB45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E8299BDC-EEFC-565E-D45B-757B96EFD702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027C2C27-FB2D-11D9-A1C6-016B7DB5B695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81932110-9929-3797-9393-37E7EEAAF088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58A535D8-49B2-8E83-5BA1-010C05AB8E2D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4018E93D-2B16-E521-49B9-49B250B98035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12AAFFC0-A084-938E-B4B9-2A7D24761640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B7EBA2F8-A492-49AD-4971-A9AAA5ADA9D4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380B9CC1-75B0-1078-599D-CCCAF0CE97EC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20F01FC6-C61D-A943-1D25-8EA438ED9C19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CDE11F39-5F4B-D0F0-402E-16F981D11314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6FF6A7B9-509B-2B4B-24D1-77A5EC582260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2C399F8C-9354-3A14-7B4D-F4725E4A877D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DE54E6A7-19B9-CD5C-E997-23B052A0F2D6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5A2714BC-0522-FC5A-D70E-4BEB57BAE067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6709C663-3167-38B6-00F2-E9744072F514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1EE33ADD-35E7-6020-6590-7E9AEAECDBA2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63D71B5A-0A8B-701B-483C-83AAEF1B394E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542429F-11E9-57F1-468B-5F15B79F64C6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3647F92A-52F7-1B90-C7AB-E106DE272A44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DC8A72C5-283C-1DBF-45BD-2ED68C97F86A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5B1C3403-EE99-BDAA-C6D4-25EF19B3F548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833D6672-5A75-CFA3-6477-874053253DEE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32CEE787-6AF1-6287-C6E9-298751F67031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83C1D7E6-9E29-D881-61F7-CFDB282F9481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BBAA307D-90AC-2701-D5F8-551B07314843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E15AACF5-D425-6D76-A4F8-6DC8A97D8AF6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3ED17635-56BD-C1CB-1E93-A209234DD445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57ECD32B-EAEB-6AF0-7886-ED731CCFB140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AB57B50C-B896-6A0A-797F-808724854FE5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16E0F31E-750B-166C-FAEB-096413802466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3BD93BFB-B06C-508B-5176-2A5473FE801B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12CFDE46-EEB0-9CCD-794F-265BB3CF05BB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C7954E64-D3DB-1C9F-08C0-12EFE93FDFB4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2FD64EF6-883D-7A63-A159-574FC018D207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50C9018B-CD76-01C3-46F1-7D22506B6297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1B30BDC8-2E35-8F9D-05BF-BC96E939073E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5AC68C2E-9A86-AA6B-851B-AFCE0AA257E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A12ADD9E-B943-54D7-14C6-093D9194E069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75CCA9D6-0448-96CF-1B21-08511104E2F9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1EBBB5C9-ADB6-7250-764C-6E8065A8FDA0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7C4D2B60-4B9C-0C76-7243-CD43546B887A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7B3DC909-6D18-FA52-A2FB-FB61E62369BD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B3A095F9-CDE5-3ABD-6562-4D562E9A2E5C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CD47B6F3-548E-9FBA-45AB-A15E37A28FCA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B01BF5D4-CA22-8AFE-DEC3-E281E0F2F606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05FEC505-2059-60CD-D050-29AA538F9F1F}"/>
                </a:ext>
              </a:extLst>
            </p:cNvPr>
            <p:cNvSpPr txBox="1"/>
            <p:nvPr/>
          </p:nvSpPr>
          <p:spPr>
            <a:xfrm>
              <a:off x="16041873" y="9481269"/>
              <a:ext cx="381335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755FD98E-5B3B-DF57-F22F-6BD557EDD967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10275F74-7E3D-4ACB-0941-E6F9247664E9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88D62AEA-9E03-43DF-26C2-2FE4009B1985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6F22884C-3E2C-1C9A-863C-47AFB1F8A139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>
              <a:defRPr/>
            </a:pPr>
            <a:r>
              <a:rPr lang="en-ID" sz="2800" dirty="0"/>
              <a:t>Budi </a:t>
            </a:r>
            <a:r>
              <a:rPr lang="en-ID" sz="2800" dirty="0" err="1" smtClean="0"/>
              <a:t>lulusan</a:t>
            </a:r>
            <a:r>
              <a:rPr lang="en-ID" sz="2800" dirty="0" smtClean="0"/>
              <a:t> </a:t>
            </a:r>
            <a:r>
              <a:rPr lang="en-ID" sz="2800" dirty="0"/>
              <a:t>SMK yang </a:t>
            </a:r>
            <a:r>
              <a:rPr lang="en-ID" sz="2800" dirty="0" err="1"/>
              <a:t>bekerja</a:t>
            </a:r>
            <a:r>
              <a:rPr lang="en-ID" sz="2800" dirty="0"/>
              <a:t> di PT ABC </a:t>
            </a:r>
            <a:r>
              <a:rPr lang="en-ID" sz="2800" dirty="0" err="1"/>
              <a:t>mulai</a:t>
            </a:r>
            <a:r>
              <a:rPr lang="en-ID" sz="2800" dirty="0"/>
              <a:t> 1 </a:t>
            </a:r>
            <a:r>
              <a:rPr lang="en-ID" sz="2800" dirty="0" smtClean="0"/>
              <a:t>Feb 2016</a:t>
            </a:r>
            <a:r>
              <a:rPr lang="en-ID" sz="2800" dirty="0"/>
              <a:t>.</a:t>
            </a:r>
          </a:p>
          <a:p>
            <a:pPr lvl="0" algn="ctr">
              <a:defRPr/>
            </a:pPr>
            <a:r>
              <a:rPr lang="en-ID" sz="2800" dirty="0" err="1" smtClean="0"/>
              <a:t>Gaji</a:t>
            </a:r>
            <a:r>
              <a:rPr lang="en-ID" sz="2800" dirty="0" smtClean="0"/>
              <a:t> </a:t>
            </a:r>
            <a:r>
              <a:rPr lang="en-ID" sz="2800" dirty="0" err="1" smtClean="0"/>
              <a:t>perbulan</a:t>
            </a:r>
            <a:r>
              <a:rPr lang="en-ID" sz="2800" dirty="0" smtClean="0"/>
              <a:t> </a:t>
            </a:r>
            <a:r>
              <a:rPr lang="en-ID" sz="2800" dirty="0" err="1"/>
              <a:t>sebesar</a:t>
            </a:r>
            <a:r>
              <a:rPr lang="en-ID" sz="2800" dirty="0"/>
              <a:t> Rp2.500.000,00. </a:t>
            </a:r>
            <a:r>
              <a:rPr lang="en-ID" sz="2800" dirty="0" err="1" smtClean="0"/>
              <a:t>Untuk</a:t>
            </a:r>
            <a:r>
              <a:rPr lang="en-ID" sz="2800" dirty="0" smtClean="0"/>
              <a:t> </a:t>
            </a:r>
            <a:r>
              <a:rPr lang="en-ID" sz="2800" dirty="0" err="1" smtClean="0"/>
              <a:t>itu</a:t>
            </a:r>
            <a:r>
              <a:rPr lang="en-ID" sz="2800" dirty="0" smtClean="0"/>
              <a:t> Budi </a:t>
            </a:r>
            <a:r>
              <a:rPr lang="en-ID" sz="2800" dirty="0" err="1" smtClean="0"/>
              <a:t>tidak</a:t>
            </a:r>
            <a:r>
              <a:rPr lang="en-ID" sz="2800" dirty="0" smtClean="0"/>
              <a:t> </a:t>
            </a:r>
            <a:r>
              <a:rPr lang="en-ID" sz="2800" dirty="0" err="1" smtClean="0"/>
              <a:t>wajib</a:t>
            </a:r>
            <a:r>
              <a:rPr lang="en-ID" sz="2800" dirty="0" smtClean="0"/>
              <a:t> </a:t>
            </a:r>
            <a:r>
              <a:rPr lang="en-ID" sz="2800" dirty="0" err="1" smtClean="0"/>
              <a:t>memiliki</a:t>
            </a:r>
            <a:r>
              <a:rPr lang="en-ID" sz="2800" dirty="0" smtClean="0"/>
              <a:t> NPWP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5204F920-C216-961C-05B1-921523A0CE9C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9DC06AD4-2968-986D-DD6D-5CEC770CE31D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9B047BE7-0683-F56C-7707-2822CDD202C5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3</a:t>
              </a: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8EB4A63B-A3AE-1E90-791C-23963447E139}"/>
              </a:ext>
            </a:extLst>
          </p:cNvPr>
          <p:cNvGrpSpPr/>
          <p:nvPr/>
        </p:nvGrpSpPr>
        <p:grpSpPr>
          <a:xfrm>
            <a:off x="1328291" y="6814893"/>
            <a:ext cx="4049399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2AAD7AC7-3360-FCCC-2EB3-E3898C52917D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335F0F39-A466-A8BF-096E-3F7A93B6F4C4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 smtClean="0">
                  <a:solidFill>
                    <a:srgbClr val="000000"/>
                  </a:solidFill>
                  <a:effectLst/>
                  <a:latin typeface="ff0"/>
                </a:rPr>
                <a:t>SALAH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8EF9B811-2076-7562-7524-C04B62A8E5FF}"/>
              </a:ext>
            </a:extLst>
          </p:cNvPr>
          <p:cNvGrpSpPr/>
          <p:nvPr/>
        </p:nvGrpSpPr>
        <p:grpSpPr>
          <a:xfrm>
            <a:off x="1006431" y="5091003"/>
            <a:ext cx="4398058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6" action="ppaction://hlinksldjump"/>
              <a:extLst>
                <a:ext uri="{FF2B5EF4-FFF2-40B4-BE49-F238E27FC236}">
                  <a16:creationId xmlns="" xmlns:a16="http://schemas.microsoft.com/office/drawing/2014/main" id="{A58AA563-37BC-C80D-3557-E414004F74EF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E4448B5A-56D3-F2AA-8C81-93A305F78CB7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8" action="ppaction://hlinksldjump"/>
                <a:extLst>
                  <a:ext uri="{FF2B5EF4-FFF2-40B4-BE49-F238E27FC236}">
                    <a16:creationId xmlns="" xmlns:a16="http://schemas.microsoft.com/office/drawing/2014/main" id="{E2021759-B167-EF27-4F87-9770F55311EF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8" action="ppaction://hlinksldjump"/>
                <a:extLst>
                  <a:ext uri="{FF2B5EF4-FFF2-40B4-BE49-F238E27FC236}">
                    <a16:creationId xmlns="" xmlns:a16="http://schemas.microsoft.com/office/drawing/2014/main" id="{CEB4889E-CB4D-0776-2143-DC5CD3E0B840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 smtClean="0">
                    <a:solidFill>
                      <a:srgbClr val="010D30"/>
                    </a:solidFill>
                    <a:latin typeface="Karla" pitchFamily="2" charset="0"/>
                  </a:rPr>
                  <a:t>BENAR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5" action="ppaction://hlinksldjump"/>
            <a:extLst>
              <a:ext uri="{FF2B5EF4-FFF2-40B4-BE49-F238E27FC236}">
                <a16:creationId xmlns="" xmlns:a16="http://schemas.microsoft.com/office/drawing/2014/main" id="{2FBC3F1F-FFA4-1174-30C7-B91CB51587CD}"/>
              </a:ext>
            </a:extLst>
          </p:cNvPr>
          <p:cNvPicPr>
            <a:picLocks noChangeAspect="1"/>
          </p:cNvPicPr>
          <p:nvPr/>
        </p:nvPicPr>
        <p:blipFill rotWithShape="1"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980301" y="6511519"/>
            <a:ext cx="1365519" cy="1052158"/>
          </a:xfrm>
          <a:prstGeom prst="rect">
            <a:avLst/>
          </a:prstGeom>
        </p:spPr>
      </p:pic>
      <p:sp>
        <p:nvSpPr>
          <p:cNvPr id="209" name="TextBox 208"/>
          <p:cNvSpPr txBox="1"/>
          <p:nvPr/>
        </p:nvSpPr>
        <p:spPr>
          <a:xfrm>
            <a:off x="1512865" y="11603230"/>
            <a:ext cx="433522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>
                <a:solidFill>
                  <a:schemeClr val="bg1"/>
                </a:solidFill>
              </a:rPr>
              <a:t>hafis.muaddab.2304319@students.um.ac.id</a:t>
            </a:r>
            <a:endParaRPr lang="en-ID" dirty="0">
              <a:solidFill>
                <a:schemeClr val="bg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23302544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AA5F584F-73B3-137C-4224-2ED37986A5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3B898788-6C81-A5D7-B52F-1A25552467F4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0351092B-1BB0-5B50-2871-06758230E2C1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E9BA5218-EA90-173E-5454-442945C51407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E0AB4543-2E9E-23E4-CF84-2AFC7C9F33B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1CD50D4C-87D7-9452-1DDB-351F45BD5AC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41DF04EF-E442-469E-5F6B-E99723B875A1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41376168-62B6-103B-3605-5B47ED9D3433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9DF6BF3D-5189-DC0E-066B-047F41FDE2FC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C7C60A36-7529-BE17-23F5-C98E8D78C3BE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35EBDE67-AE13-1530-C2F6-8D149028A8E3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0051B020-C87C-4ED0-B722-BAE68AB478B6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EFF46FEB-B7F2-383C-851A-2AE29B192040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8DB757E1-91EE-FE74-0745-59B1D3B5130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B6A9BD07-B8FC-E71D-DB7E-F02D8C18B880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47612B7C-322B-9604-B132-693DB618E63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25DF65DD-CD85-2D69-9173-440485D02160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08F82CB0-CBEE-4FA5-24F9-BC0636B1FF30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AF590D2D-3015-826F-ADD0-5CDC9A14599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E12FD56E-9B62-D075-819D-86B57C47F9AD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AF1EE086-3BC4-3432-B0CC-CB19C84F419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C3C7AD79-3A22-9916-6E4E-417C27254C70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F1A90581-AF9F-87C1-F567-BAAB438C464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C359993E-0FFF-FD81-516E-0A050F4683B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78867F94-4E58-0A54-071A-9A546E0B6D0F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1E3196AB-EA44-D38A-589C-FD568B573D41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A0B55D18-B990-44E3-92AE-7413084EBD87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B5C541D1-4985-2EB8-1C89-8549DF850D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8F3C1761-5DB4-3A97-F37E-36BEB521EE4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D2CABE6C-8015-0041-4847-B8F3D63CEA4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1C291579-02E6-22CA-FF70-B6E481194BFA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47A7CC21-8F61-9070-BAE5-AEFF372182EA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42D54390-941F-2248-8CBC-9C3FB117CE56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00F6DFA8-7849-8F62-2657-1C913F63D85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B1CFDBEC-A857-1B00-CF76-CA0E9135620C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A5443487-2D41-58AE-6A99-B7E6FFA00A15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4063B7E9-CEFC-0D79-72AE-5B588A347723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6E687913-2BB5-3886-5219-9AB927A5929D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AF5D9496-4C2B-3209-F3A5-14DEE1E70E52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5D8FF0CD-B69F-B1B2-D5EB-320D2879B91C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15189C02-B3AE-D345-8663-39CFDEE1D53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8D910887-180B-970A-A87F-7082F13DDA0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5D344960-8320-FC37-E83F-A6FC949AFE1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F846F8E6-BB47-5754-E716-D68EAB737B04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CD3C34F9-C183-AE29-BF71-BFFB3F0CEEFE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6F3F1814-C291-E63C-1866-D327F6928AFA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28A291B7-C9E3-4BE2-57A2-95D75657BD6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B048A827-608A-BCC2-9797-BD47DA43DD57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DBC241F9-22FE-D373-A694-237E658A224E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12A75C53-4EB1-6C50-1A9E-27B4F1852DE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E6C5CF19-3853-52CB-C48E-D6158F6A825A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D12F9010-639D-B6AE-4E0F-6C1A6E013CFB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2A4F4E45-CF13-204A-5A82-79F371EBEC4D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8F35637E-C304-37ED-8152-85D4FAA2E6F8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200F2764-8701-9650-8BA0-651F597168C1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9166704D-9163-B7E3-F55F-2C637A12F11E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B517B20F-52E5-5A1A-9274-4C9E0D9C6DAB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B97F9308-3C4D-BDF7-6E14-E4B8A3F3FA54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F6E40895-8FD9-8805-FDEB-C498DB06DCF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39ADA46E-2CB5-4301-1363-B0DB6A512D0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18D880B3-DB0A-3C3C-9A90-3754B82FFDFA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90FAF342-2B1A-141B-0F4A-96B1665FD8E9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CFDE616E-D1F6-4BCA-C021-E25345E68374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57A25DDB-0F84-034E-4FD1-79D25359A00F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C30749C7-AED7-9512-435A-0151E8189605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A18A54D5-52B2-EAAC-75BB-947171A853E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4B22A5FB-539C-5AC0-E05F-D77E715935F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7FD1952E-D69D-98A5-98E5-B5E7E663A6C2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770199BA-DF9D-05FB-9825-3054014A0ADE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CD0B20C7-B85B-0FD4-0B34-7C4EED8BEC6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8009B7EC-DBDC-4C79-DB4B-EBB2D7CC5CF5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210CEA76-66F5-15F9-F016-DC2011426CD4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5C021F86-B86F-043F-FAE8-A816817DDC59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115E71BD-204B-5248-599E-2CA43D92CCB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52440372-6026-0BD1-4F7A-766E27C8B76C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BA64438F-CDD2-D786-72D5-D2AA42C74A3A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3235A4BC-25BB-1EDE-3BF1-54FC7D40603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D02B521E-D50C-692C-27DC-4B7AED3A300F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3B6C93E0-E557-06C2-A30F-B961F6CD4385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7781847A-30DC-46D8-4FEE-A31042F2AD48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7EE2B798-C584-7336-0768-87DCB2F5354B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71C4FED6-22A1-13DB-B824-59833713BF7F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96A56F8B-7F27-6F38-7EB5-461971370B24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7B24B5E1-B4A0-BFC4-644C-B0B262F2EEC7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037E386A-5A38-B71F-D85C-0B81B4C374F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B229EFAF-A2AD-7264-7999-F37F3A7A126E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176AFC82-9601-0778-500B-82FF2EB560E0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CD369DB3-1311-8311-89F1-39B682867893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B1747290-5095-0B62-CFCA-4CB097C3831A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61F62C1B-90B7-1520-C855-96D7B32DFFA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E4BD4B06-D623-7E33-6015-286034C13FCE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D8F6E0EE-68E4-228E-278A-C1D4E2BB0BF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75176CBA-E543-F781-C9BE-48161EEC6611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EA5980B3-5D00-A453-6082-846C286AF589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39C1E864-733D-955D-5151-840B97394E5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0B386118-6B8B-E418-C1BE-819C767DE52F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0BFEA0E2-AB47-4671-D570-52081E38B2AC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3EBD7F6B-1B5A-6294-DD62-8D50B5FE195E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4E8C8E62-68EB-F85D-8AE9-71CF444DC914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C00BE17A-11B7-054A-0887-D06943DE293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CE7A1900-33C5-AC48-399A-DD6563D84D2E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EBCAEF21-4AE5-DCE9-EECC-8C8E653BD0AA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B565BAB8-FF10-76CF-35D7-825F08B0063D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E86D0162-36E5-0AB2-1A14-422FC70A5027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B7481CF3-9F8D-64FA-7656-4A4517050E40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21E88B79-4990-322E-401B-E3C40B56F50F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D9DA840A-C66F-D48A-3124-25AA07AF0164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D597DC07-11D9-FC21-5200-1187FB6CEB45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E8299BDC-EEFC-565E-D45B-757B96EFD702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027C2C27-FB2D-11D9-A1C6-016B7DB5B695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81932110-9929-3797-9393-37E7EEAAF088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58A535D8-49B2-8E83-5BA1-010C05AB8E2D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4018E93D-2B16-E521-49B9-49B250B98035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12AAFFC0-A084-938E-B4B9-2A7D24761640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B7EBA2F8-A492-49AD-4971-A9AAA5ADA9D4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380B9CC1-75B0-1078-599D-CCCAF0CE97EC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20F01FC6-C61D-A943-1D25-8EA438ED9C19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CDE11F39-5F4B-D0F0-402E-16F981D11314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6FF6A7B9-509B-2B4B-24D1-77A5EC582260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2C399F8C-9354-3A14-7B4D-F4725E4A877D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DE54E6A7-19B9-CD5C-E997-23B052A0F2D6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5A2714BC-0522-FC5A-D70E-4BEB57BAE067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6709C663-3167-38B6-00F2-E9744072F514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1EE33ADD-35E7-6020-6590-7E9AEAECDBA2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63D71B5A-0A8B-701B-483C-83AAEF1B394E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542429F-11E9-57F1-468B-5F15B79F64C6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3647F92A-52F7-1B90-C7AB-E106DE272A44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DC8A72C5-283C-1DBF-45BD-2ED68C97F86A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5B1C3403-EE99-BDAA-C6D4-25EF19B3F548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833D6672-5A75-CFA3-6477-874053253DEE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32CEE787-6AF1-6287-C6E9-298751F67031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83C1D7E6-9E29-D881-61F7-CFDB282F9481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BBAA307D-90AC-2701-D5F8-551B07314843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E15AACF5-D425-6D76-A4F8-6DC8A97D8AF6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3ED17635-56BD-C1CB-1E93-A209234DD445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57ECD32B-EAEB-6AF0-7886-ED731CCFB140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AB57B50C-B896-6A0A-797F-808724854FE5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16E0F31E-750B-166C-FAEB-096413802466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3BD93BFB-B06C-508B-5176-2A5473FE801B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12CFDE46-EEB0-9CCD-794F-265BB3CF05BB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C7954E64-D3DB-1C9F-08C0-12EFE93FDFB4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2FD64EF6-883D-7A63-A159-574FC018D207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50C9018B-CD76-01C3-46F1-7D22506B6297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1B30BDC8-2E35-8F9D-05BF-BC96E939073E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5AC68C2E-9A86-AA6B-851B-AFCE0AA257E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A12ADD9E-B943-54D7-14C6-093D9194E069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75CCA9D6-0448-96CF-1B21-08511104E2F9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1EBBB5C9-ADB6-7250-764C-6E8065A8FDA0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7C4D2B60-4B9C-0C76-7243-CD43546B887A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7B3DC909-6D18-FA52-A2FB-FB61E62369BD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B3A095F9-CDE5-3ABD-6562-4D562E9A2E5C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CD47B6F3-548E-9FBA-45AB-A15E37A28FCA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B01BF5D4-CA22-8AFE-DEC3-E281E0F2F606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05FEC505-2059-60CD-D050-29AA538F9F1F}"/>
                </a:ext>
              </a:extLst>
            </p:cNvPr>
            <p:cNvSpPr txBox="1"/>
            <p:nvPr/>
          </p:nvSpPr>
          <p:spPr>
            <a:xfrm>
              <a:off x="16041873" y="9481269"/>
              <a:ext cx="381335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755FD98E-5B3B-DF57-F22F-6BD557EDD967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10275F74-7E3D-4ACB-0941-E6F9247664E9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88D62AEA-9E03-43DF-26C2-2FE4009B1985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6F22884C-3E2C-1C9A-863C-47AFB1F8A139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>
              <a:defRPr/>
            </a:pPr>
            <a:r>
              <a:rPr lang="en-ID" sz="2800" dirty="0"/>
              <a:t>Budi </a:t>
            </a:r>
            <a:r>
              <a:rPr lang="en-ID" sz="2800" dirty="0" err="1" smtClean="0"/>
              <a:t>lulusan</a:t>
            </a:r>
            <a:r>
              <a:rPr lang="en-ID" sz="2800" dirty="0" smtClean="0"/>
              <a:t> </a:t>
            </a:r>
            <a:r>
              <a:rPr lang="en-ID" sz="2800" dirty="0"/>
              <a:t>SMK yang </a:t>
            </a:r>
            <a:r>
              <a:rPr lang="en-ID" sz="2800" dirty="0" err="1"/>
              <a:t>bekerja</a:t>
            </a:r>
            <a:r>
              <a:rPr lang="en-ID" sz="2800" dirty="0"/>
              <a:t> di PT ABC </a:t>
            </a:r>
            <a:r>
              <a:rPr lang="en-ID" sz="2800" dirty="0" err="1"/>
              <a:t>mulai</a:t>
            </a:r>
            <a:r>
              <a:rPr lang="en-ID" sz="2800" dirty="0"/>
              <a:t> 1 </a:t>
            </a:r>
            <a:r>
              <a:rPr lang="en-ID" sz="2800" dirty="0" smtClean="0"/>
              <a:t>Feb 2016</a:t>
            </a:r>
            <a:r>
              <a:rPr lang="en-ID" sz="2800" dirty="0"/>
              <a:t>.</a:t>
            </a:r>
          </a:p>
          <a:p>
            <a:pPr lvl="0" algn="ctr">
              <a:defRPr/>
            </a:pPr>
            <a:r>
              <a:rPr lang="en-ID" sz="2800" dirty="0" err="1" smtClean="0"/>
              <a:t>Gaji</a:t>
            </a:r>
            <a:r>
              <a:rPr lang="en-ID" sz="2800" dirty="0" smtClean="0"/>
              <a:t> </a:t>
            </a:r>
            <a:r>
              <a:rPr lang="en-ID" sz="2800" dirty="0" err="1" smtClean="0"/>
              <a:t>perbulan</a:t>
            </a:r>
            <a:r>
              <a:rPr lang="en-ID" sz="2800" dirty="0" smtClean="0"/>
              <a:t> </a:t>
            </a:r>
            <a:r>
              <a:rPr lang="en-ID" sz="2800" dirty="0" err="1"/>
              <a:t>sebesar</a:t>
            </a:r>
            <a:r>
              <a:rPr lang="en-ID" sz="2800" dirty="0"/>
              <a:t> Rp2.500.000,00. </a:t>
            </a:r>
            <a:r>
              <a:rPr lang="en-ID" sz="2800" dirty="0" err="1" smtClean="0"/>
              <a:t>Untuk</a:t>
            </a:r>
            <a:r>
              <a:rPr lang="en-ID" sz="2800" dirty="0" smtClean="0"/>
              <a:t> </a:t>
            </a:r>
            <a:r>
              <a:rPr lang="en-ID" sz="2800" dirty="0" err="1" smtClean="0"/>
              <a:t>itu</a:t>
            </a:r>
            <a:r>
              <a:rPr lang="en-ID" sz="2800" dirty="0" smtClean="0"/>
              <a:t> Budi </a:t>
            </a:r>
            <a:r>
              <a:rPr lang="en-ID" sz="2800" dirty="0" err="1" smtClean="0"/>
              <a:t>tidak</a:t>
            </a:r>
            <a:r>
              <a:rPr lang="en-ID" sz="2800" dirty="0" smtClean="0"/>
              <a:t> </a:t>
            </a:r>
            <a:r>
              <a:rPr lang="en-ID" sz="2800" dirty="0" err="1" smtClean="0"/>
              <a:t>wajib</a:t>
            </a:r>
            <a:r>
              <a:rPr lang="en-ID" sz="2800" dirty="0" smtClean="0"/>
              <a:t> </a:t>
            </a:r>
            <a:r>
              <a:rPr lang="en-ID" sz="2800" dirty="0" err="1" smtClean="0"/>
              <a:t>memiliki</a:t>
            </a:r>
            <a:r>
              <a:rPr lang="en-ID" sz="2800" dirty="0" smtClean="0"/>
              <a:t> NPWP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5204F920-C216-961C-05B1-921523A0CE9C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9DC06AD4-2968-986D-DD6D-5CEC770CE31D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9B047BE7-0683-F56C-7707-2822CDD202C5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3</a:t>
              </a: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8EB4A63B-A3AE-1E90-791C-23963447E139}"/>
              </a:ext>
            </a:extLst>
          </p:cNvPr>
          <p:cNvGrpSpPr/>
          <p:nvPr/>
        </p:nvGrpSpPr>
        <p:grpSpPr>
          <a:xfrm>
            <a:off x="1328291" y="6814893"/>
            <a:ext cx="4049399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2AAD7AC7-3360-FCCC-2EB3-E3898C52917D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335F0F39-A466-A8BF-096E-3F7A93B6F4C4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 smtClean="0">
                  <a:solidFill>
                    <a:srgbClr val="000000"/>
                  </a:solidFill>
                  <a:effectLst/>
                  <a:latin typeface="ff0"/>
                </a:rPr>
                <a:t>SALAH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8EF9B811-2076-7562-7524-C04B62A8E5FF}"/>
              </a:ext>
            </a:extLst>
          </p:cNvPr>
          <p:cNvGrpSpPr/>
          <p:nvPr/>
        </p:nvGrpSpPr>
        <p:grpSpPr>
          <a:xfrm>
            <a:off x="1006431" y="5091003"/>
            <a:ext cx="4398058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A58AA563-37BC-C80D-3557-E414004F74EF}"/>
                </a:ext>
              </a:extLst>
            </p:cNvPr>
            <p:cNvPicPr>
              <a:picLocks noChangeAspect="1"/>
            </p:cNvPicPr>
            <p:nvPr/>
          </p:nvPicPr>
          <p:blipFill>
            <a:blip r:embed="rId1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E4448B5A-56D3-F2AA-8C81-93A305F78CB7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E2021759-B167-EF27-4F87-9770F55311EF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CEB4889E-CB4D-0776-2143-DC5CD3E0B840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 smtClean="0">
                    <a:solidFill>
                      <a:srgbClr val="010D30"/>
                    </a:solidFill>
                    <a:latin typeface="Karla" pitchFamily="2" charset="0"/>
                  </a:rPr>
                  <a:t>BENAR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4" action="ppaction://hlinksldjump"/>
            <a:extLst>
              <a:ext uri="{FF2B5EF4-FFF2-40B4-BE49-F238E27FC236}">
                <a16:creationId xmlns="" xmlns:a16="http://schemas.microsoft.com/office/drawing/2014/main" id="{2FBC3F1F-FFA4-1174-30C7-B91CB51587CD}"/>
              </a:ext>
            </a:extLst>
          </p:cNvPr>
          <p:cNvPicPr>
            <a:picLocks noChangeAspect="1"/>
          </p:cNvPicPr>
          <p:nvPr/>
        </p:nvPicPr>
        <p:blipFill rotWithShape="1"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980301" y="6511519"/>
            <a:ext cx="1365519" cy="1052158"/>
          </a:xfrm>
          <a:prstGeom prst="rect">
            <a:avLst/>
          </a:prstGeom>
        </p:spPr>
      </p:pic>
      <p:sp>
        <p:nvSpPr>
          <p:cNvPr id="209" name="Rectangle 208">
            <a:extLst>
              <a:ext uri="{FF2B5EF4-FFF2-40B4-BE49-F238E27FC236}">
                <a16:creationId xmlns="" xmlns:a16="http://schemas.microsoft.com/office/drawing/2014/main" id="{85A94CE9-68D3-44DF-2820-6BB1E90DEA6B}"/>
              </a:ext>
            </a:extLst>
          </p:cNvPr>
          <p:cNvSpPr/>
          <p:nvPr/>
        </p:nvSpPr>
        <p:spPr>
          <a:xfrm>
            <a:off x="0" y="0"/>
            <a:ext cx="6858000" cy="11975137"/>
          </a:xfrm>
          <a:prstGeom prst="rect">
            <a:avLst/>
          </a:prstGeom>
          <a:solidFill>
            <a:srgbClr val="010D30">
              <a:alpha val="72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216" name="Group 215">
            <a:extLst>
              <a:ext uri="{FF2B5EF4-FFF2-40B4-BE49-F238E27FC236}">
                <a16:creationId xmlns="" xmlns:a16="http://schemas.microsoft.com/office/drawing/2014/main" id="{9530B005-8342-FDED-24D2-8C0ED8BCB853}"/>
              </a:ext>
            </a:extLst>
          </p:cNvPr>
          <p:cNvGrpSpPr/>
          <p:nvPr/>
        </p:nvGrpSpPr>
        <p:grpSpPr>
          <a:xfrm>
            <a:off x="1502896" y="6086495"/>
            <a:ext cx="3323424" cy="2004698"/>
            <a:chOff x="1502896" y="6086495"/>
            <a:chExt cx="3323424" cy="2004698"/>
          </a:xfrm>
        </p:grpSpPr>
        <p:sp>
          <p:nvSpPr>
            <p:cNvPr id="217" name="Rectangle: Rounded Corners 4">
              <a:extLst>
                <a:ext uri="{FF2B5EF4-FFF2-40B4-BE49-F238E27FC236}">
                  <a16:creationId xmlns="" xmlns:a16="http://schemas.microsoft.com/office/drawing/2014/main" id="{44747A90-422E-DC57-009F-F6B7BD34189C}"/>
                </a:ext>
              </a:extLst>
            </p:cNvPr>
            <p:cNvSpPr/>
            <p:nvPr/>
          </p:nvSpPr>
          <p:spPr>
            <a:xfrm>
              <a:off x="1502896" y="6086495"/>
              <a:ext cx="3323424" cy="2004698"/>
            </a:xfrm>
            <a:prstGeom prst="roundRect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/>
            </a:p>
          </p:txBody>
        </p:sp>
        <p:sp>
          <p:nvSpPr>
            <p:cNvPr id="218" name="TextBox 217">
              <a:extLst>
                <a:ext uri="{FF2B5EF4-FFF2-40B4-BE49-F238E27FC236}">
                  <a16:creationId xmlns="" xmlns:a16="http://schemas.microsoft.com/office/drawing/2014/main" id="{8D9CE729-ECD8-4A3D-38B4-8ED2FFB1E9B8}"/>
                </a:ext>
              </a:extLst>
            </p:cNvPr>
            <p:cNvSpPr txBox="1"/>
            <p:nvPr/>
          </p:nvSpPr>
          <p:spPr>
            <a:xfrm>
              <a:off x="1896956" y="6297928"/>
              <a:ext cx="1478290" cy="646331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3600" dirty="0">
                  <a:solidFill>
                    <a:schemeClr val="bg1"/>
                  </a:solidFill>
                </a:rPr>
                <a:t>BENAR</a:t>
              </a:r>
              <a:endParaRPr lang="en-ID" sz="3600" dirty="0">
                <a:solidFill>
                  <a:schemeClr val="bg1"/>
                </a:solidFill>
              </a:endParaRPr>
            </a:p>
          </p:txBody>
        </p:sp>
        <p:sp>
          <p:nvSpPr>
            <p:cNvPr id="219" name="Rectangle: Rounded Corners 6">
              <a:hlinkClick r:id="rId11" action="ppaction://hlinksldjump"/>
              <a:extLst>
                <a:ext uri="{FF2B5EF4-FFF2-40B4-BE49-F238E27FC236}">
                  <a16:creationId xmlns="" xmlns:a16="http://schemas.microsoft.com/office/drawing/2014/main" id="{F6789628-62A2-92C1-4408-B5D28E2854C7}"/>
                </a:ext>
              </a:extLst>
            </p:cNvPr>
            <p:cNvSpPr/>
            <p:nvPr/>
          </p:nvSpPr>
          <p:spPr>
            <a:xfrm>
              <a:off x="2024895" y="7129956"/>
              <a:ext cx="2561716" cy="538995"/>
            </a:xfrm>
            <a:prstGeom prst="roundRect">
              <a:avLst/>
            </a:prstGeom>
            <a:solidFill>
              <a:srgbClr val="7030A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400" dirty="0"/>
                <a:t>SELANJUTNYA</a:t>
              </a:r>
              <a:endParaRPr lang="en-ID" sz="2400" dirty="0"/>
            </a:p>
          </p:txBody>
        </p:sp>
        <p:pic>
          <p:nvPicPr>
            <p:cNvPr id="220" name="Graphic 7" descr="Checkmark with solid fill">
              <a:extLst>
                <a:ext uri="{FF2B5EF4-FFF2-40B4-BE49-F238E27FC236}">
                  <a16:creationId xmlns="" xmlns:a16="http://schemas.microsoft.com/office/drawing/2014/main" id="{539F6668-7C1D-A901-AC23-23B4C9400AA9}"/>
                </a:ext>
              </a:extLst>
            </p:cNvPr>
            <p:cNvPicPr>
              <a:picLocks noChangeAspect="1"/>
            </p:cNvPicPr>
            <p:nvPr/>
          </p:nvPicPr>
          <p:blipFill>
            <a:blip r:embed="rId18" cstate="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="" xmlns:asvg="http://schemas.microsoft.com/office/drawing/2016/SVG/main" r:embed="rId19"/>
                </a:ext>
              </a:extLst>
            </a:blip>
            <a:stretch>
              <a:fillRect/>
            </a:stretch>
          </p:blipFill>
          <p:spPr>
            <a:xfrm>
              <a:off x="3501661" y="6151026"/>
              <a:ext cx="914400" cy="91440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330189624"/>
      </p:ext>
    </p:extLst>
  </p:cSld>
  <p:clrMapOvr>
    <a:masterClrMapping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AA5F584F-73B3-137C-4224-2ED37986A5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3B898788-6C81-A5D7-B52F-1A25552467F4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0351092B-1BB0-5B50-2871-06758230E2C1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E9BA5218-EA90-173E-5454-442945C51407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E0AB4543-2E9E-23E4-CF84-2AFC7C9F33B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1CD50D4C-87D7-9452-1DDB-351F45BD5AC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41DF04EF-E442-469E-5F6B-E99723B875A1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41376168-62B6-103B-3605-5B47ED9D3433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9DF6BF3D-5189-DC0E-066B-047F41FDE2FC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C7C60A36-7529-BE17-23F5-C98E8D78C3BE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35EBDE67-AE13-1530-C2F6-8D149028A8E3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0051B020-C87C-4ED0-B722-BAE68AB478B6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EFF46FEB-B7F2-383C-851A-2AE29B192040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8DB757E1-91EE-FE74-0745-59B1D3B5130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B6A9BD07-B8FC-E71D-DB7E-F02D8C18B880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47612B7C-322B-9604-B132-693DB618E63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25DF65DD-CD85-2D69-9173-440485D02160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08F82CB0-CBEE-4FA5-24F9-BC0636B1FF30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AF590D2D-3015-826F-ADD0-5CDC9A14599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E12FD56E-9B62-D075-819D-86B57C47F9AD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AF1EE086-3BC4-3432-B0CC-CB19C84F419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C3C7AD79-3A22-9916-6E4E-417C27254C70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F1A90581-AF9F-87C1-F567-BAAB438C464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C359993E-0FFF-FD81-516E-0A050F4683B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78867F94-4E58-0A54-071A-9A546E0B6D0F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1E3196AB-EA44-D38A-589C-FD568B573D41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A0B55D18-B990-44E3-92AE-7413084EBD87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B5C541D1-4985-2EB8-1C89-8549DF850D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8F3C1761-5DB4-3A97-F37E-36BEB521EE4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D2CABE6C-8015-0041-4847-B8F3D63CEA4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1C291579-02E6-22CA-FF70-B6E481194BFA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47A7CC21-8F61-9070-BAE5-AEFF372182EA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42D54390-941F-2248-8CBC-9C3FB117CE56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00F6DFA8-7849-8F62-2657-1C913F63D85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B1CFDBEC-A857-1B00-CF76-CA0E9135620C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A5443487-2D41-58AE-6A99-B7E6FFA00A15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4063B7E9-CEFC-0D79-72AE-5B588A347723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6E687913-2BB5-3886-5219-9AB927A5929D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AF5D9496-4C2B-3209-F3A5-14DEE1E70E52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5D8FF0CD-B69F-B1B2-D5EB-320D2879B91C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15189C02-B3AE-D345-8663-39CFDEE1D53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8D910887-180B-970A-A87F-7082F13DDA0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5D344960-8320-FC37-E83F-A6FC949AFE1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F846F8E6-BB47-5754-E716-D68EAB737B04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CD3C34F9-C183-AE29-BF71-BFFB3F0CEEFE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6F3F1814-C291-E63C-1866-D327F6928AFA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28A291B7-C9E3-4BE2-57A2-95D75657BD6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B048A827-608A-BCC2-9797-BD47DA43DD57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DBC241F9-22FE-D373-A694-237E658A224E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12A75C53-4EB1-6C50-1A9E-27B4F1852DE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E6C5CF19-3853-52CB-C48E-D6158F6A825A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D12F9010-639D-B6AE-4E0F-6C1A6E013CFB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2A4F4E45-CF13-204A-5A82-79F371EBEC4D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8F35637E-C304-37ED-8152-85D4FAA2E6F8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200F2764-8701-9650-8BA0-651F597168C1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9166704D-9163-B7E3-F55F-2C637A12F11E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B517B20F-52E5-5A1A-9274-4C9E0D9C6DAB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B97F9308-3C4D-BDF7-6E14-E4B8A3F3FA54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F6E40895-8FD9-8805-FDEB-C498DB06DCF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39ADA46E-2CB5-4301-1363-B0DB6A512D0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18D880B3-DB0A-3C3C-9A90-3754B82FFDFA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90FAF342-2B1A-141B-0F4A-96B1665FD8E9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CFDE616E-D1F6-4BCA-C021-E25345E68374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57A25DDB-0F84-034E-4FD1-79D25359A00F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C30749C7-AED7-9512-435A-0151E8189605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A18A54D5-52B2-EAAC-75BB-947171A853E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4B22A5FB-539C-5AC0-E05F-D77E715935F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7FD1952E-D69D-98A5-98E5-B5E7E663A6C2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770199BA-DF9D-05FB-9825-3054014A0ADE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CD0B20C7-B85B-0FD4-0B34-7C4EED8BEC6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8009B7EC-DBDC-4C79-DB4B-EBB2D7CC5CF5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210CEA76-66F5-15F9-F016-DC2011426CD4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5C021F86-B86F-043F-FAE8-A816817DDC59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115E71BD-204B-5248-599E-2CA43D92CCB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52440372-6026-0BD1-4F7A-766E27C8B76C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BA64438F-CDD2-D786-72D5-D2AA42C74A3A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3235A4BC-25BB-1EDE-3BF1-54FC7D40603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D02B521E-D50C-692C-27DC-4B7AED3A300F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3B6C93E0-E557-06C2-A30F-B961F6CD4385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7781847A-30DC-46D8-4FEE-A31042F2AD48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7EE2B798-C584-7336-0768-87DCB2F5354B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71C4FED6-22A1-13DB-B824-59833713BF7F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96A56F8B-7F27-6F38-7EB5-461971370B24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7B24B5E1-B4A0-BFC4-644C-B0B262F2EEC7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037E386A-5A38-B71F-D85C-0B81B4C374F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B229EFAF-A2AD-7264-7999-F37F3A7A126E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176AFC82-9601-0778-500B-82FF2EB560E0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CD369DB3-1311-8311-89F1-39B682867893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B1747290-5095-0B62-CFCA-4CB097C3831A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61F62C1B-90B7-1520-C855-96D7B32DFFA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E4BD4B06-D623-7E33-6015-286034C13FCE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D8F6E0EE-68E4-228E-278A-C1D4E2BB0BF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75176CBA-E543-F781-C9BE-48161EEC6611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EA5980B3-5D00-A453-6082-846C286AF589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39C1E864-733D-955D-5151-840B97394E5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0B386118-6B8B-E418-C1BE-819C767DE52F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0BFEA0E2-AB47-4671-D570-52081E38B2AC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3EBD7F6B-1B5A-6294-DD62-8D50B5FE195E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4E8C8E62-68EB-F85D-8AE9-71CF444DC914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C00BE17A-11B7-054A-0887-D06943DE293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CE7A1900-33C5-AC48-399A-DD6563D84D2E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EBCAEF21-4AE5-DCE9-EECC-8C8E653BD0AA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B565BAB8-FF10-76CF-35D7-825F08B0063D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E86D0162-36E5-0AB2-1A14-422FC70A5027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B7481CF3-9F8D-64FA-7656-4A4517050E40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21E88B79-4990-322E-401B-E3C40B56F50F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D9DA840A-C66F-D48A-3124-25AA07AF0164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D597DC07-11D9-FC21-5200-1187FB6CEB45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E8299BDC-EEFC-565E-D45B-757B96EFD702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027C2C27-FB2D-11D9-A1C6-016B7DB5B695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81932110-9929-3797-9393-37E7EEAAF088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58A535D8-49B2-8E83-5BA1-010C05AB8E2D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4018E93D-2B16-E521-49B9-49B250B98035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12AAFFC0-A084-938E-B4B9-2A7D24761640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B7EBA2F8-A492-49AD-4971-A9AAA5ADA9D4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380B9CC1-75B0-1078-599D-CCCAF0CE97EC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20F01FC6-C61D-A943-1D25-8EA438ED9C19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CDE11F39-5F4B-D0F0-402E-16F981D11314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6FF6A7B9-509B-2B4B-24D1-77A5EC582260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2C399F8C-9354-3A14-7B4D-F4725E4A877D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DE54E6A7-19B9-CD5C-E997-23B052A0F2D6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5A2714BC-0522-FC5A-D70E-4BEB57BAE067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6709C663-3167-38B6-00F2-E9744072F514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1EE33ADD-35E7-6020-6590-7E9AEAECDBA2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63D71B5A-0A8B-701B-483C-83AAEF1B394E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542429F-11E9-57F1-468B-5F15B79F64C6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3647F92A-52F7-1B90-C7AB-E106DE272A44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DC8A72C5-283C-1DBF-45BD-2ED68C97F86A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5B1C3403-EE99-BDAA-C6D4-25EF19B3F548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833D6672-5A75-CFA3-6477-874053253DEE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32CEE787-6AF1-6287-C6E9-298751F67031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83C1D7E6-9E29-D881-61F7-CFDB282F9481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BBAA307D-90AC-2701-D5F8-551B07314843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E15AACF5-D425-6D76-A4F8-6DC8A97D8AF6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3ED17635-56BD-C1CB-1E93-A209234DD445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57ECD32B-EAEB-6AF0-7886-ED731CCFB140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AB57B50C-B896-6A0A-797F-808724854FE5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16E0F31E-750B-166C-FAEB-096413802466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3BD93BFB-B06C-508B-5176-2A5473FE801B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12CFDE46-EEB0-9CCD-794F-265BB3CF05BB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C7954E64-D3DB-1C9F-08C0-12EFE93FDFB4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2FD64EF6-883D-7A63-A159-574FC018D207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50C9018B-CD76-01C3-46F1-7D22506B6297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1B30BDC8-2E35-8F9D-05BF-BC96E939073E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5AC68C2E-9A86-AA6B-851B-AFCE0AA257EC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39188"/>
          <a:stretch/>
        </p:blipFill>
        <p:spPr>
          <a:xfrm>
            <a:off x="-563525" y="7970568"/>
            <a:ext cx="7985052" cy="4865538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A12ADD9E-B943-54D7-14C6-093D9194E069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75CCA9D6-0448-96CF-1B21-08511104E2F9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1EBBB5C9-ADB6-7250-764C-6E8065A8FDA0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7C4D2B60-4B9C-0C76-7243-CD43546B887A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7B3DC909-6D18-FA52-A2FB-FB61E62369BD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B3A095F9-CDE5-3ABD-6562-4D562E9A2E5C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CD47B6F3-548E-9FBA-45AB-A15E37A28FCA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B01BF5D4-CA22-8AFE-DEC3-E281E0F2F606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05FEC505-2059-60CD-D050-29AA538F9F1F}"/>
                </a:ext>
              </a:extLst>
            </p:cNvPr>
            <p:cNvSpPr txBox="1"/>
            <p:nvPr/>
          </p:nvSpPr>
          <p:spPr>
            <a:xfrm>
              <a:off x="16041873" y="9481269"/>
              <a:ext cx="381335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755FD98E-5B3B-DF57-F22F-6BD557EDD967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10275F74-7E3D-4ACB-0941-E6F9247664E9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88D62AEA-9E03-43DF-26C2-2FE4009B1985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6F22884C-3E2C-1C9A-863C-47AFB1F8A139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>
              <a:defRPr/>
            </a:pPr>
            <a:r>
              <a:rPr lang="en-ID" sz="2800" dirty="0"/>
              <a:t>Budi </a:t>
            </a:r>
            <a:r>
              <a:rPr lang="en-ID" sz="2800" dirty="0" err="1" smtClean="0"/>
              <a:t>lulusan</a:t>
            </a:r>
            <a:r>
              <a:rPr lang="en-ID" sz="2800" dirty="0" smtClean="0"/>
              <a:t> </a:t>
            </a:r>
            <a:r>
              <a:rPr lang="en-ID" sz="2800" dirty="0"/>
              <a:t>SMK yang </a:t>
            </a:r>
            <a:r>
              <a:rPr lang="en-ID" sz="2800" dirty="0" err="1"/>
              <a:t>bekerja</a:t>
            </a:r>
            <a:r>
              <a:rPr lang="en-ID" sz="2800" dirty="0"/>
              <a:t> di PT ABC </a:t>
            </a:r>
            <a:r>
              <a:rPr lang="en-ID" sz="2800" dirty="0" err="1"/>
              <a:t>mulai</a:t>
            </a:r>
            <a:r>
              <a:rPr lang="en-ID" sz="2800" dirty="0"/>
              <a:t> 1 </a:t>
            </a:r>
            <a:r>
              <a:rPr lang="en-ID" sz="2800" dirty="0" smtClean="0"/>
              <a:t>Feb 2016</a:t>
            </a:r>
            <a:r>
              <a:rPr lang="en-ID" sz="2800" dirty="0"/>
              <a:t>.</a:t>
            </a:r>
          </a:p>
          <a:p>
            <a:pPr lvl="0" algn="ctr">
              <a:defRPr/>
            </a:pPr>
            <a:r>
              <a:rPr lang="en-ID" sz="2800" dirty="0" err="1" smtClean="0"/>
              <a:t>Gaji</a:t>
            </a:r>
            <a:r>
              <a:rPr lang="en-ID" sz="2800" dirty="0" smtClean="0"/>
              <a:t> </a:t>
            </a:r>
            <a:r>
              <a:rPr lang="en-ID" sz="2800" dirty="0" err="1" smtClean="0"/>
              <a:t>perbulan</a:t>
            </a:r>
            <a:r>
              <a:rPr lang="en-ID" sz="2800" dirty="0" smtClean="0"/>
              <a:t> </a:t>
            </a:r>
            <a:r>
              <a:rPr lang="en-ID" sz="2800" dirty="0" err="1"/>
              <a:t>sebesar</a:t>
            </a:r>
            <a:r>
              <a:rPr lang="en-ID" sz="2800" dirty="0"/>
              <a:t> Rp2.500.000,00. </a:t>
            </a:r>
            <a:r>
              <a:rPr lang="en-ID" sz="2800" dirty="0" err="1" smtClean="0"/>
              <a:t>Untuk</a:t>
            </a:r>
            <a:r>
              <a:rPr lang="en-ID" sz="2800" dirty="0" smtClean="0"/>
              <a:t> </a:t>
            </a:r>
            <a:r>
              <a:rPr lang="en-ID" sz="2800" dirty="0" err="1" smtClean="0"/>
              <a:t>itu</a:t>
            </a:r>
            <a:r>
              <a:rPr lang="en-ID" sz="2800" dirty="0" smtClean="0"/>
              <a:t> Budi </a:t>
            </a:r>
            <a:r>
              <a:rPr lang="en-ID" sz="2800" dirty="0" err="1" smtClean="0"/>
              <a:t>tidak</a:t>
            </a:r>
            <a:r>
              <a:rPr lang="en-ID" sz="2800" dirty="0" smtClean="0"/>
              <a:t> </a:t>
            </a:r>
            <a:r>
              <a:rPr lang="en-ID" sz="2800" dirty="0" err="1" smtClean="0"/>
              <a:t>wajib</a:t>
            </a:r>
            <a:r>
              <a:rPr lang="en-ID" sz="2800" dirty="0" smtClean="0"/>
              <a:t> </a:t>
            </a:r>
            <a:r>
              <a:rPr lang="en-ID" sz="2800" dirty="0" err="1" smtClean="0"/>
              <a:t>memiliki</a:t>
            </a:r>
            <a:r>
              <a:rPr lang="en-ID" sz="2800" dirty="0" smtClean="0"/>
              <a:t> NPWP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5204F920-C216-961C-05B1-921523A0CE9C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9DC06AD4-2968-986D-DD6D-5CEC770CE31D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9B047BE7-0683-F56C-7707-2822CDD202C5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3</a:t>
              </a: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8EB4A63B-A3AE-1E90-791C-23963447E139}"/>
              </a:ext>
            </a:extLst>
          </p:cNvPr>
          <p:cNvGrpSpPr/>
          <p:nvPr/>
        </p:nvGrpSpPr>
        <p:grpSpPr>
          <a:xfrm>
            <a:off x="1328291" y="6814893"/>
            <a:ext cx="4049399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2AAD7AC7-3360-FCCC-2EB3-E3898C52917D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335F0F39-A466-A8BF-096E-3F7A93B6F4C4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 smtClean="0">
                  <a:solidFill>
                    <a:srgbClr val="000000"/>
                  </a:solidFill>
                  <a:effectLst/>
                  <a:latin typeface="ff0"/>
                </a:rPr>
                <a:t>SALAH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8EF9B811-2076-7562-7524-C04B62A8E5FF}"/>
              </a:ext>
            </a:extLst>
          </p:cNvPr>
          <p:cNvGrpSpPr/>
          <p:nvPr/>
        </p:nvGrpSpPr>
        <p:grpSpPr>
          <a:xfrm>
            <a:off x="1006431" y="5091003"/>
            <a:ext cx="4398058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A58AA563-37BC-C80D-3557-E414004F74EF}"/>
                </a:ext>
              </a:extLst>
            </p:cNvPr>
            <p:cNvPicPr>
              <a:picLocks noChangeAspect="1"/>
            </p:cNvPicPr>
            <p:nvPr/>
          </p:nvPicPr>
          <p:blipFill>
            <a:blip r:embed="rId1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E4448B5A-56D3-F2AA-8C81-93A305F78CB7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E2021759-B167-EF27-4F87-9770F55311EF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CEB4889E-CB4D-0776-2143-DC5CD3E0B840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 smtClean="0">
                    <a:solidFill>
                      <a:srgbClr val="010D30"/>
                    </a:solidFill>
                    <a:latin typeface="Karla" pitchFamily="2" charset="0"/>
                  </a:rPr>
                  <a:t>BENAR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4" action="ppaction://hlinksldjump"/>
            <a:extLst>
              <a:ext uri="{FF2B5EF4-FFF2-40B4-BE49-F238E27FC236}">
                <a16:creationId xmlns="" xmlns:a16="http://schemas.microsoft.com/office/drawing/2014/main" id="{2FBC3F1F-FFA4-1174-30C7-B91CB51587CD}"/>
              </a:ext>
            </a:extLst>
          </p:cNvPr>
          <p:cNvPicPr>
            <a:picLocks noChangeAspect="1"/>
          </p:cNvPicPr>
          <p:nvPr/>
        </p:nvPicPr>
        <p:blipFill rotWithShape="1"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980301" y="6511519"/>
            <a:ext cx="1365519" cy="1052158"/>
          </a:xfrm>
          <a:prstGeom prst="rect">
            <a:avLst/>
          </a:prstGeom>
        </p:spPr>
      </p:pic>
      <p:sp>
        <p:nvSpPr>
          <p:cNvPr id="209" name="Rectangle 208">
            <a:extLst>
              <a:ext uri="{FF2B5EF4-FFF2-40B4-BE49-F238E27FC236}">
                <a16:creationId xmlns="" xmlns:a16="http://schemas.microsoft.com/office/drawing/2014/main" id="{85A94CE9-68D3-44DF-2820-6BB1E90DEA6B}"/>
              </a:ext>
            </a:extLst>
          </p:cNvPr>
          <p:cNvSpPr/>
          <p:nvPr/>
        </p:nvSpPr>
        <p:spPr>
          <a:xfrm>
            <a:off x="0" y="0"/>
            <a:ext cx="6858000" cy="11975137"/>
          </a:xfrm>
          <a:prstGeom prst="rect">
            <a:avLst/>
          </a:prstGeom>
          <a:solidFill>
            <a:srgbClr val="010D30">
              <a:alpha val="72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221" name="Group 220">
            <a:extLst>
              <a:ext uri="{FF2B5EF4-FFF2-40B4-BE49-F238E27FC236}">
                <a16:creationId xmlns="" xmlns:a16="http://schemas.microsoft.com/office/drawing/2014/main" id="{7BBC2B46-69B5-C983-4F44-927307A5C7A1}"/>
              </a:ext>
            </a:extLst>
          </p:cNvPr>
          <p:cNvGrpSpPr/>
          <p:nvPr/>
        </p:nvGrpSpPr>
        <p:grpSpPr>
          <a:xfrm>
            <a:off x="1644906" y="5605254"/>
            <a:ext cx="3323424" cy="2004698"/>
            <a:chOff x="971131" y="5605254"/>
            <a:chExt cx="3323424" cy="2004698"/>
          </a:xfrm>
        </p:grpSpPr>
        <p:grpSp>
          <p:nvGrpSpPr>
            <p:cNvPr id="222" name="Group 221">
              <a:extLst>
                <a:ext uri="{FF2B5EF4-FFF2-40B4-BE49-F238E27FC236}">
                  <a16:creationId xmlns="" xmlns:a16="http://schemas.microsoft.com/office/drawing/2014/main" id="{4534AA5B-F84A-66AD-1765-116FDA6982D7}"/>
                </a:ext>
              </a:extLst>
            </p:cNvPr>
            <p:cNvGrpSpPr/>
            <p:nvPr/>
          </p:nvGrpSpPr>
          <p:grpSpPr>
            <a:xfrm>
              <a:off x="971131" y="5605254"/>
              <a:ext cx="3323424" cy="2004698"/>
              <a:chOff x="1502896" y="6086495"/>
              <a:chExt cx="3323424" cy="2004698"/>
            </a:xfrm>
          </p:grpSpPr>
          <p:sp>
            <p:nvSpPr>
              <p:cNvPr id="224" name="Rectangle: Rounded Corners 6">
                <a:extLst>
                  <a:ext uri="{FF2B5EF4-FFF2-40B4-BE49-F238E27FC236}">
                    <a16:creationId xmlns="" xmlns:a16="http://schemas.microsoft.com/office/drawing/2014/main" id="{B543A75D-FB38-AB91-123E-73A929AE78CD}"/>
                  </a:ext>
                </a:extLst>
              </p:cNvPr>
              <p:cNvSpPr/>
              <p:nvPr/>
            </p:nvSpPr>
            <p:spPr>
              <a:xfrm>
                <a:off x="1502896" y="6086495"/>
                <a:ext cx="3323424" cy="2004698"/>
              </a:xfrm>
              <a:prstGeom prst="roundRect">
                <a:avLst/>
              </a:prstGeom>
              <a:solidFill>
                <a:srgbClr val="FF000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ID" dirty="0"/>
              </a:p>
            </p:txBody>
          </p:sp>
          <p:sp>
            <p:nvSpPr>
              <p:cNvPr id="225" name="TextBox 224">
                <a:extLst>
                  <a:ext uri="{FF2B5EF4-FFF2-40B4-BE49-F238E27FC236}">
                    <a16:creationId xmlns="" xmlns:a16="http://schemas.microsoft.com/office/drawing/2014/main" id="{4091A75A-89DF-E9F5-23B3-7DED0B00DDD1}"/>
                  </a:ext>
                </a:extLst>
              </p:cNvPr>
              <p:cNvSpPr txBox="1"/>
              <p:nvPr/>
            </p:nvSpPr>
            <p:spPr>
              <a:xfrm>
                <a:off x="1896956" y="6297928"/>
                <a:ext cx="1409168" cy="646331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lang="en-US" sz="3600" dirty="0">
                    <a:solidFill>
                      <a:schemeClr val="bg1"/>
                    </a:solidFill>
                  </a:rPr>
                  <a:t>SALAH</a:t>
                </a:r>
                <a:endParaRPr lang="en-ID" sz="3600" dirty="0">
                  <a:solidFill>
                    <a:schemeClr val="bg1"/>
                  </a:solidFill>
                </a:endParaRPr>
              </a:p>
            </p:txBody>
          </p:sp>
          <p:sp>
            <p:nvSpPr>
              <p:cNvPr id="226" name="Rectangle: Rounded Corners 8">
                <a:hlinkClick r:id="rId18" action="ppaction://hlinksldjump"/>
                <a:extLst>
                  <a:ext uri="{FF2B5EF4-FFF2-40B4-BE49-F238E27FC236}">
                    <a16:creationId xmlns="" xmlns:a16="http://schemas.microsoft.com/office/drawing/2014/main" id="{441BE86F-996E-8B00-9E1D-B80A9A885A70}"/>
                  </a:ext>
                </a:extLst>
              </p:cNvPr>
              <p:cNvSpPr/>
              <p:nvPr/>
            </p:nvSpPr>
            <p:spPr>
              <a:xfrm>
                <a:off x="2024895" y="7129956"/>
                <a:ext cx="2561716" cy="538995"/>
              </a:xfrm>
              <a:prstGeom prst="roundRect">
                <a:avLst/>
              </a:prstGeom>
              <a:solidFill>
                <a:srgbClr val="7030A0"/>
              </a:solidFill>
              <a:ln>
                <a:noFill/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400" dirty="0"/>
                  <a:t>COBA LAGI</a:t>
                </a:r>
                <a:endParaRPr lang="en-ID" sz="2400" dirty="0"/>
              </a:p>
            </p:txBody>
          </p:sp>
        </p:grpSp>
        <p:pic>
          <p:nvPicPr>
            <p:cNvPr id="223" name="Graphic 5" descr="Close with solid fill">
              <a:extLst>
                <a:ext uri="{FF2B5EF4-FFF2-40B4-BE49-F238E27FC236}">
                  <a16:creationId xmlns="" xmlns:a16="http://schemas.microsoft.com/office/drawing/2014/main" id="{43189CF4-BF10-7ABC-C82F-FD182784D7FA}"/>
                </a:ext>
              </a:extLst>
            </p:cNvPr>
            <p:cNvPicPr>
              <a:picLocks noChangeAspect="1"/>
            </p:cNvPicPr>
            <p:nvPr/>
          </p:nvPicPr>
          <p:blipFill>
            <a:blip r:embed="rId19" cstate="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="" xmlns:asvg="http://schemas.microsoft.com/office/drawing/2016/SVG/main" r:embed="rId20"/>
                </a:ext>
              </a:extLst>
            </a:blip>
            <a:stretch>
              <a:fillRect/>
            </a:stretch>
          </p:blipFill>
          <p:spPr>
            <a:xfrm>
              <a:off x="2971800" y="5638800"/>
              <a:ext cx="914400" cy="91440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367521058"/>
      </p:ext>
    </p:extLst>
  </p:cSld>
  <p:clrMapOvr>
    <a:masterClrMapping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AA5F584F-73B3-137C-4224-2ED37986A5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3B898788-6C81-A5D7-B52F-1A25552467F4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0351092B-1BB0-5B50-2871-06758230E2C1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E9BA5218-EA90-173E-5454-442945C51407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E0AB4543-2E9E-23E4-CF84-2AFC7C9F33B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1CD50D4C-87D7-9452-1DDB-351F45BD5AC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41DF04EF-E442-469E-5F6B-E99723B875A1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41376168-62B6-103B-3605-5B47ED9D3433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9DF6BF3D-5189-DC0E-066B-047F41FDE2FC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C7C60A36-7529-BE17-23F5-C98E8D78C3BE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35EBDE67-AE13-1530-C2F6-8D149028A8E3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0051B020-C87C-4ED0-B722-BAE68AB478B6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EFF46FEB-B7F2-383C-851A-2AE29B192040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8DB757E1-91EE-FE74-0745-59B1D3B5130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B6A9BD07-B8FC-E71D-DB7E-F02D8C18B880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47612B7C-322B-9604-B132-693DB618E63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25DF65DD-CD85-2D69-9173-440485D02160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08F82CB0-CBEE-4FA5-24F9-BC0636B1FF30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AF590D2D-3015-826F-ADD0-5CDC9A14599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E12FD56E-9B62-D075-819D-86B57C47F9AD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AF1EE086-3BC4-3432-B0CC-CB19C84F419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C3C7AD79-3A22-9916-6E4E-417C27254C70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F1A90581-AF9F-87C1-F567-BAAB438C464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C359993E-0FFF-FD81-516E-0A050F4683B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78867F94-4E58-0A54-071A-9A546E0B6D0F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1E3196AB-EA44-D38A-589C-FD568B573D41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A0B55D18-B990-44E3-92AE-7413084EBD87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B5C541D1-4985-2EB8-1C89-8549DF850D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8F3C1761-5DB4-3A97-F37E-36BEB521EE4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D2CABE6C-8015-0041-4847-B8F3D63CEA4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1C291579-02E6-22CA-FF70-B6E481194BFA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47A7CC21-8F61-9070-BAE5-AEFF372182EA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42D54390-941F-2248-8CBC-9C3FB117CE56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00F6DFA8-7849-8F62-2657-1C913F63D85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B1CFDBEC-A857-1B00-CF76-CA0E9135620C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A5443487-2D41-58AE-6A99-B7E6FFA00A15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4063B7E9-CEFC-0D79-72AE-5B588A347723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6E687913-2BB5-3886-5219-9AB927A5929D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AF5D9496-4C2B-3209-F3A5-14DEE1E70E52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5D8FF0CD-B69F-B1B2-D5EB-320D2879B91C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15189C02-B3AE-D345-8663-39CFDEE1D53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8D910887-180B-970A-A87F-7082F13DDA0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5D344960-8320-FC37-E83F-A6FC949AFE1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F846F8E6-BB47-5754-E716-D68EAB737B04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CD3C34F9-C183-AE29-BF71-BFFB3F0CEEFE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6F3F1814-C291-E63C-1866-D327F6928AFA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28A291B7-C9E3-4BE2-57A2-95D75657BD6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B048A827-608A-BCC2-9797-BD47DA43DD57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DBC241F9-22FE-D373-A694-237E658A224E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12A75C53-4EB1-6C50-1A9E-27B4F1852DE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E6C5CF19-3853-52CB-C48E-D6158F6A825A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D12F9010-639D-B6AE-4E0F-6C1A6E013CFB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2A4F4E45-CF13-204A-5A82-79F371EBEC4D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8F35637E-C304-37ED-8152-85D4FAA2E6F8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200F2764-8701-9650-8BA0-651F597168C1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9166704D-9163-B7E3-F55F-2C637A12F11E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B517B20F-52E5-5A1A-9274-4C9E0D9C6DAB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B97F9308-3C4D-BDF7-6E14-E4B8A3F3FA54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F6E40895-8FD9-8805-FDEB-C498DB06DCF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39ADA46E-2CB5-4301-1363-B0DB6A512D0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18D880B3-DB0A-3C3C-9A90-3754B82FFDFA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90FAF342-2B1A-141B-0F4A-96B1665FD8E9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CFDE616E-D1F6-4BCA-C021-E25345E68374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57A25DDB-0F84-034E-4FD1-79D25359A00F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C30749C7-AED7-9512-435A-0151E8189605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A18A54D5-52B2-EAAC-75BB-947171A853E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4B22A5FB-539C-5AC0-E05F-D77E715935F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7FD1952E-D69D-98A5-98E5-B5E7E663A6C2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770199BA-DF9D-05FB-9825-3054014A0ADE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CD0B20C7-B85B-0FD4-0B34-7C4EED8BEC6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8009B7EC-DBDC-4C79-DB4B-EBB2D7CC5CF5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210CEA76-66F5-15F9-F016-DC2011426CD4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5C021F86-B86F-043F-FAE8-A816817DDC59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115E71BD-204B-5248-599E-2CA43D92CCB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52440372-6026-0BD1-4F7A-766E27C8B76C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BA64438F-CDD2-D786-72D5-D2AA42C74A3A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3235A4BC-25BB-1EDE-3BF1-54FC7D40603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D02B521E-D50C-692C-27DC-4B7AED3A300F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3B6C93E0-E557-06C2-A30F-B961F6CD4385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7781847A-30DC-46D8-4FEE-A31042F2AD48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7EE2B798-C584-7336-0768-87DCB2F5354B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71C4FED6-22A1-13DB-B824-59833713BF7F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96A56F8B-7F27-6F38-7EB5-461971370B24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7B24B5E1-B4A0-BFC4-644C-B0B262F2EEC7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037E386A-5A38-B71F-D85C-0B81B4C374F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B229EFAF-A2AD-7264-7999-F37F3A7A126E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176AFC82-9601-0778-500B-82FF2EB560E0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CD369DB3-1311-8311-89F1-39B682867893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B1747290-5095-0B62-CFCA-4CB097C3831A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61F62C1B-90B7-1520-C855-96D7B32DFFA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E4BD4B06-D623-7E33-6015-286034C13FCE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D8F6E0EE-68E4-228E-278A-C1D4E2BB0BF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75176CBA-E543-F781-C9BE-48161EEC6611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EA5980B3-5D00-A453-6082-846C286AF589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39C1E864-733D-955D-5151-840B97394E5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0B386118-6B8B-E418-C1BE-819C767DE52F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0BFEA0E2-AB47-4671-D570-52081E38B2AC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3EBD7F6B-1B5A-6294-DD62-8D50B5FE195E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4E8C8E62-68EB-F85D-8AE9-71CF444DC914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C00BE17A-11B7-054A-0887-D06943DE293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CE7A1900-33C5-AC48-399A-DD6563D84D2E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EBCAEF21-4AE5-DCE9-EECC-8C8E653BD0AA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B565BAB8-FF10-76CF-35D7-825F08B0063D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E86D0162-36E5-0AB2-1A14-422FC70A5027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B7481CF3-9F8D-64FA-7656-4A4517050E40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21E88B79-4990-322E-401B-E3C40B56F50F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D9DA840A-C66F-D48A-3124-25AA07AF0164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D597DC07-11D9-FC21-5200-1187FB6CEB45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E8299BDC-EEFC-565E-D45B-757B96EFD702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027C2C27-FB2D-11D9-A1C6-016B7DB5B695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81932110-9929-3797-9393-37E7EEAAF088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58A535D8-49B2-8E83-5BA1-010C05AB8E2D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4018E93D-2B16-E521-49B9-49B250B98035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12AAFFC0-A084-938E-B4B9-2A7D24761640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B7EBA2F8-A492-49AD-4971-A9AAA5ADA9D4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380B9CC1-75B0-1078-599D-CCCAF0CE97EC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20F01FC6-C61D-A943-1D25-8EA438ED9C19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CDE11F39-5F4B-D0F0-402E-16F981D11314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6FF6A7B9-509B-2B4B-24D1-77A5EC582260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2C399F8C-9354-3A14-7B4D-F4725E4A877D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DE54E6A7-19B9-CD5C-E997-23B052A0F2D6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5A2714BC-0522-FC5A-D70E-4BEB57BAE067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6709C663-3167-38B6-00F2-E9744072F514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1EE33ADD-35E7-6020-6590-7E9AEAECDBA2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63D71B5A-0A8B-701B-483C-83AAEF1B394E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542429F-11E9-57F1-468B-5F15B79F64C6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3647F92A-52F7-1B90-C7AB-E106DE272A44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DC8A72C5-283C-1DBF-45BD-2ED68C97F86A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5B1C3403-EE99-BDAA-C6D4-25EF19B3F548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833D6672-5A75-CFA3-6477-874053253DEE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32CEE787-6AF1-6287-C6E9-298751F67031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83C1D7E6-9E29-D881-61F7-CFDB282F9481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BBAA307D-90AC-2701-D5F8-551B07314843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E15AACF5-D425-6D76-A4F8-6DC8A97D8AF6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3ED17635-56BD-C1CB-1E93-A209234DD445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57ECD32B-EAEB-6AF0-7886-ED731CCFB140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AB57B50C-B896-6A0A-797F-808724854FE5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16E0F31E-750B-166C-FAEB-096413802466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3BD93BFB-B06C-508B-5176-2A5473FE801B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12CFDE46-EEB0-9CCD-794F-265BB3CF05BB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C7954E64-D3DB-1C9F-08C0-12EFE93FDFB4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2FD64EF6-883D-7A63-A159-574FC018D207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50C9018B-CD76-01C3-46F1-7D22506B6297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1B30BDC8-2E35-8F9D-05BF-BC96E939073E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5AC68C2E-9A86-AA6B-851B-AFCE0AA257E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A12ADD9E-B943-54D7-14C6-093D9194E069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75CCA9D6-0448-96CF-1B21-08511104E2F9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1EBBB5C9-ADB6-7250-764C-6E8065A8FDA0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7C4D2B60-4B9C-0C76-7243-CD43546B887A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7B3DC909-6D18-FA52-A2FB-FB61E62369BD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B3A095F9-CDE5-3ABD-6562-4D562E9A2E5C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CD47B6F3-548E-9FBA-45AB-A15E37A28FCA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B01BF5D4-CA22-8AFE-DEC3-E281E0F2F606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05FEC505-2059-60CD-D050-29AA538F9F1F}"/>
                </a:ext>
              </a:extLst>
            </p:cNvPr>
            <p:cNvSpPr txBox="1"/>
            <p:nvPr/>
          </p:nvSpPr>
          <p:spPr>
            <a:xfrm>
              <a:off x="16041873" y="9481269"/>
              <a:ext cx="4554905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2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755FD98E-5B3B-DF57-F22F-6BD557EDD967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10275F74-7E3D-4ACB-0941-E6F9247664E9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88D62AEA-9E03-43DF-26C2-2FE4009B1985}"/>
              </a:ext>
            </a:extLst>
          </p:cNvPr>
          <p:cNvSpPr/>
          <p:nvPr/>
        </p:nvSpPr>
        <p:spPr>
          <a:xfrm>
            <a:off x="439942" y="1802070"/>
            <a:ext cx="5978117" cy="4807590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6F22884C-3E2C-1C9A-863C-47AFB1F8A139}"/>
              </a:ext>
            </a:extLst>
          </p:cNvPr>
          <p:cNvSpPr txBox="1"/>
          <p:nvPr/>
        </p:nvSpPr>
        <p:spPr>
          <a:xfrm>
            <a:off x="610663" y="2201019"/>
            <a:ext cx="5617321" cy="39703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>
              <a:defRPr/>
            </a:pPr>
            <a:r>
              <a:rPr lang="en-ID" sz="2800" dirty="0" err="1" smtClean="0"/>
              <a:t>Langkah</a:t>
            </a:r>
            <a:r>
              <a:rPr lang="en-ID" sz="2800" dirty="0" smtClean="0"/>
              <a:t> </a:t>
            </a:r>
            <a:r>
              <a:rPr lang="en-ID" sz="2800" dirty="0" err="1"/>
              <a:t>membuat</a:t>
            </a:r>
            <a:r>
              <a:rPr lang="en-ID" sz="2800" dirty="0"/>
              <a:t> NPWP </a:t>
            </a:r>
            <a:r>
              <a:rPr lang="en-ID" sz="2800" dirty="0" smtClean="0"/>
              <a:t>online:</a:t>
            </a:r>
            <a:endParaRPr lang="en-ID" sz="2800" dirty="0"/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en-ID" sz="2800" dirty="0" err="1" smtClean="0"/>
              <a:t>Pendaftaran</a:t>
            </a:r>
            <a:r>
              <a:rPr lang="en-ID" sz="2800" dirty="0" smtClean="0"/>
              <a:t> online </a:t>
            </a:r>
            <a:r>
              <a:rPr lang="en-ID" sz="2800" dirty="0" err="1" smtClean="0"/>
              <a:t>melalui</a:t>
            </a:r>
            <a:r>
              <a:rPr lang="en-ID" sz="2800" dirty="0" smtClean="0"/>
              <a:t> </a:t>
            </a:r>
            <a:r>
              <a:rPr lang="en-ID" sz="2800" dirty="0" err="1" smtClean="0"/>
              <a:t>laman</a:t>
            </a:r>
            <a:r>
              <a:rPr lang="en-ID" sz="2800" dirty="0" smtClean="0"/>
              <a:t> </a:t>
            </a:r>
            <a:r>
              <a:rPr lang="en-ID" sz="2800" dirty="0" err="1" smtClean="0"/>
              <a:t>resmi</a:t>
            </a:r>
            <a:r>
              <a:rPr lang="en-ID" sz="2800" dirty="0" smtClean="0"/>
              <a:t> www.ereg.pajak.go.id.</a:t>
            </a:r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en-ID" sz="2800" dirty="0" err="1" smtClean="0"/>
              <a:t>Siapkan</a:t>
            </a:r>
            <a:r>
              <a:rPr lang="en-ID" sz="2800" dirty="0" smtClean="0"/>
              <a:t> </a:t>
            </a:r>
            <a:r>
              <a:rPr lang="en-ID" sz="2800" dirty="0"/>
              <a:t>NIK, KK </a:t>
            </a:r>
            <a:r>
              <a:rPr lang="en-ID" sz="2800" dirty="0" err="1"/>
              <a:t>dan</a:t>
            </a:r>
            <a:r>
              <a:rPr lang="en-ID" sz="2800" dirty="0"/>
              <a:t> email </a:t>
            </a:r>
            <a:r>
              <a:rPr lang="en-ID" sz="2800" dirty="0" err="1" smtClean="0"/>
              <a:t>aktif</a:t>
            </a:r>
            <a:r>
              <a:rPr lang="en-ID" sz="2800" dirty="0" smtClean="0"/>
              <a:t>.</a:t>
            </a:r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en-ID" sz="2800" dirty="0" err="1" smtClean="0"/>
              <a:t>Klik</a:t>
            </a:r>
            <a:r>
              <a:rPr lang="en-ID" sz="2800" dirty="0" smtClean="0"/>
              <a:t> </a:t>
            </a:r>
            <a:r>
              <a:rPr lang="en-ID" sz="2800" dirty="0" err="1"/>
              <a:t>daftar</a:t>
            </a:r>
            <a:r>
              <a:rPr lang="en-ID" sz="2800" dirty="0"/>
              <a:t> </a:t>
            </a:r>
            <a:r>
              <a:rPr lang="en-ID" sz="2800" dirty="0" err="1"/>
              <a:t>akun</a:t>
            </a:r>
            <a:r>
              <a:rPr lang="en-ID" sz="2800" dirty="0"/>
              <a:t>, </a:t>
            </a:r>
            <a:r>
              <a:rPr lang="en-ID" sz="2800" dirty="0" err="1"/>
              <a:t>masukan</a:t>
            </a:r>
            <a:r>
              <a:rPr lang="en-ID" sz="2800" dirty="0"/>
              <a:t> email </a:t>
            </a:r>
            <a:r>
              <a:rPr lang="en-ID" sz="2800" dirty="0" err="1"/>
              <a:t>aktif</a:t>
            </a:r>
            <a:r>
              <a:rPr lang="en-ID" sz="2800" dirty="0"/>
              <a:t> </a:t>
            </a:r>
            <a:r>
              <a:rPr lang="en-ID" sz="2800" dirty="0" err="1"/>
              <a:t>dan</a:t>
            </a:r>
            <a:r>
              <a:rPr lang="en-ID" sz="2800" dirty="0"/>
              <a:t> </a:t>
            </a:r>
            <a:r>
              <a:rPr lang="en-ID" sz="2800" dirty="0" err="1"/>
              <a:t>kode</a:t>
            </a:r>
            <a:r>
              <a:rPr lang="en-ID" sz="2800" dirty="0"/>
              <a:t> </a:t>
            </a:r>
            <a:r>
              <a:rPr lang="en-ID" sz="2800" dirty="0" smtClean="0"/>
              <a:t>captcha.</a:t>
            </a:r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en-ID" sz="2800" dirty="0" err="1" smtClean="0"/>
              <a:t>Tekan</a:t>
            </a:r>
            <a:r>
              <a:rPr lang="en-ID" sz="2800" dirty="0" smtClean="0"/>
              <a:t> </a:t>
            </a:r>
            <a:r>
              <a:rPr lang="en-ID" sz="2800" dirty="0" err="1"/>
              <a:t>tombol</a:t>
            </a:r>
            <a:r>
              <a:rPr lang="en-ID" sz="2800" dirty="0"/>
              <a:t> </a:t>
            </a:r>
            <a:r>
              <a:rPr lang="en-ID" sz="2800" dirty="0" err="1" smtClean="0"/>
              <a:t>daftar</a:t>
            </a:r>
            <a:r>
              <a:rPr lang="en-ID" sz="2800" dirty="0" smtClean="0"/>
              <a:t>.</a:t>
            </a:r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en-ID" sz="2800" dirty="0" err="1" smtClean="0"/>
              <a:t>Anda</a:t>
            </a:r>
            <a:r>
              <a:rPr lang="en-ID" sz="2800" dirty="0" smtClean="0"/>
              <a:t> </a:t>
            </a:r>
            <a:r>
              <a:rPr lang="en-ID" sz="2800" dirty="0" err="1"/>
              <a:t>akan</a:t>
            </a:r>
            <a:r>
              <a:rPr lang="en-ID" sz="2800" dirty="0"/>
              <a:t> </a:t>
            </a:r>
            <a:r>
              <a:rPr lang="en-ID" sz="2800" dirty="0" err="1"/>
              <a:t>menerima</a:t>
            </a:r>
            <a:r>
              <a:rPr lang="en-ID" sz="2800" dirty="0"/>
              <a:t> email </a:t>
            </a:r>
            <a:r>
              <a:rPr lang="en-ID" sz="2800" dirty="0" err="1"/>
              <a:t>berisi</a:t>
            </a:r>
            <a:r>
              <a:rPr lang="en-ID" sz="2800" dirty="0"/>
              <a:t> link </a:t>
            </a:r>
            <a:r>
              <a:rPr lang="en-ID" sz="2800" dirty="0" err="1"/>
              <a:t>verifikasi</a:t>
            </a:r>
            <a:r>
              <a:rPr lang="en-ID" sz="2800" dirty="0"/>
              <a:t> </a:t>
            </a:r>
            <a:r>
              <a:rPr lang="en-ID" sz="2800" dirty="0" err="1"/>
              <a:t>atau</a:t>
            </a:r>
            <a:r>
              <a:rPr lang="en-ID" sz="2800" dirty="0"/>
              <a:t> </a:t>
            </a:r>
            <a:r>
              <a:rPr lang="en-ID" sz="2800" dirty="0" err="1"/>
              <a:t>aktivasi</a:t>
            </a:r>
            <a:r>
              <a:rPr lang="en-ID" sz="2800" dirty="0"/>
              <a:t>.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5204F920-C216-961C-05B1-921523A0CE9C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9DC06AD4-2968-986D-DD6D-5CEC770CE31D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9B047BE7-0683-F56C-7707-2822CDD202C5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</a:t>
              </a:r>
              <a:r>
                <a:rPr kumimoji="0" lang="en-US" sz="2800" b="0" i="0" u="none" strike="noStrike" kern="1200" cap="none" spc="0" normalizeH="0" baseline="0" noProof="0" dirty="0" smtClean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. 1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8EB4A63B-A3AE-1E90-791C-23963447E139}"/>
              </a:ext>
            </a:extLst>
          </p:cNvPr>
          <p:cNvGrpSpPr/>
          <p:nvPr/>
        </p:nvGrpSpPr>
        <p:grpSpPr>
          <a:xfrm>
            <a:off x="1515871" y="8627011"/>
            <a:ext cx="4049399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2AAD7AC7-3360-FCCC-2EB3-E3898C52917D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335F0F39-A466-A8BF-096E-3F7A93B6F4C4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 smtClean="0">
                  <a:solidFill>
                    <a:srgbClr val="000000"/>
                  </a:solidFill>
                  <a:effectLst/>
                  <a:latin typeface="ff0"/>
                </a:rPr>
                <a:t>SALAH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8EF9B811-2076-7562-7524-C04B62A8E5FF}"/>
              </a:ext>
            </a:extLst>
          </p:cNvPr>
          <p:cNvGrpSpPr/>
          <p:nvPr/>
        </p:nvGrpSpPr>
        <p:grpSpPr>
          <a:xfrm>
            <a:off x="1281207" y="6972763"/>
            <a:ext cx="4398058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6" action="ppaction://hlinksldjump"/>
              <a:extLst>
                <a:ext uri="{FF2B5EF4-FFF2-40B4-BE49-F238E27FC236}">
                  <a16:creationId xmlns="" xmlns:a16="http://schemas.microsoft.com/office/drawing/2014/main" id="{A58AA563-37BC-C80D-3557-E414004F74EF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E4448B5A-56D3-F2AA-8C81-93A305F78CB7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E2021759-B167-EF27-4F87-9770F55311EF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CEB4889E-CB4D-0776-2143-DC5CD3E0B840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 smtClean="0">
                    <a:solidFill>
                      <a:srgbClr val="010D30"/>
                    </a:solidFill>
                    <a:latin typeface="Karla" pitchFamily="2" charset="0"/>
                  </a:rPr>
                  <a:t>BENAR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5" action="ppaction://hlinksldjump"/>
            <a:extLst>
              <a:ext uri="{FF2B5EF4-FFF2-40B4-BE49-F238E27FC236}">
                <a16:creationId xmlns="" xmlns:a16="http://schemas.microsoft.com/office/drawing/2014/main" id="{2FBC3F1F-FFA4-1174-30C7-B91CB51587CD}"/>
              </a:ext>
            </a:extLst>
          </p:cNvPr>
          <p:cNvPicPr>
            <a:picLocks noChangeAspect="1"/>
          </p:cNvPicPr>
          <p:nvPr/>
        </p:nvPicPr>
        <p:blipFill rotWithShape="1"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1167881" y="8323637"/>
            <a:ext cx="1365519" cy="10521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46539478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AA5F584F-73B3-137C-4224-2ED37986A5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3B898788-6C81-A5D7-B52F-1A25552467F4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0351092B-1BB0-5B50-2871-06758230E2C1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E9BA5218-EA90-173E-5454-442945C51407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E0AB4543-2E9E-23E4-CF84-2AFC7C9F33B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1CD50D4C-87D7-9452-1DDB-351F45BD5AC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41DF04EF-E442-469E-5F6B-E99723B875A1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41376168-62B6-103B-3605-5B47ED9D3433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9DF6BF3D-5189-DC0E-066B-047F41FDE2FC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C7C60A36-7529-BE17-23F5-C98E8D78C3BE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35EBDE67-AE13-1530-C2F6-8D149028A8E3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0051B020-C87C-4ED0-B722-BAE68AB478B6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EFF46FEB-B7F2-383C-851A-2AE29B192040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8DB757E1-91EE-FE74-0745-59B1D3B5130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B6A9BD07-B8FC-E71D-DB7E-F02D8C18B880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47612B7C-322B-9604-B132-693DB618E63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25DF65DD-CD85-2D69-9173-440485D02160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08F82CB0-CBEE-4FA5-24F9-BC0636B1FF30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AF590D2D-3015-826F-ADD0-5CDC9A14599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E12FD56E-9B62-D075-819D-86B57C47F9AD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AF1EE086-3BC4-3432-B0CC-CB19C84F419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C3C7AD79-3A22-9916-6E4E-417C27254C70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F1A90581-AF9F-87C1-F567-BAAB438C464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C359993E-0FFF-FD81-516E-0A050F4683B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78867F94-4E58-0A54-071A-9A546E0B6D0F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1E3196AB-EA44-D38A-589C-FD568B573D41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A0B55D18-B990-44E3-92AE-7413084EBD87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B5C541D1-4985-2EB8-1C89-8549DF850D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8F3C1761-5DB4-3A97-F37E-36BEB521EE4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D2CABE6C-8015-0041-4847-B8F3D63CEA4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1C291579-02E6-22CA-FF70-B6E481194BFA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47A7CC21-8F61-9070-BAE5-AEFF372182EA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42D54390-941F-2248-8CBC-9C3FB117CE56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00F6DFA8-7849-8F62-2657-1C913F63D85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B1CFDBEC-A857-1B00-CF76-CA0E9135620C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A5443487-2D41-58AE-6A99-B7E6FFA00A15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4063B7E9-CEFC-0D79-72AE-5B588A347723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6E687913-2BB5-3886-5219-9AB927A5929D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AF5D9496-4C2B-3209-F3A5-14DEE1E70E52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5D8FF0CD-B69F-B1B2-D5EB-320D2879B91C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15189C02-B3AE-D345-8663-39CFDEE1D53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8D910887-180B-970A-A87F-7082F13DDA0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5D344960-8320-FC37-E83F-A6FC949AFE1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F846F8E6-BB47-5754-E716-D68EAB737B04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CD3C34F9-C183-AE29-BF71-BFFB3F0CEEFE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6F3F1814-C291-E63C-1866-D327F6928AFA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28A291B7-C9E3-4BE2-57A2-95D75657BD6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B048A827-608A-BCC2-9797-BD47DA43DD57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DBC241F9-22FE-D373-A694-237E658A224E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12A75C53-4EB1-6C50-1A9E-27B4F1852DE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E6C5CF19-3853-52CB-C48E-D6158F6A825A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D12F9010-639D-B6AE-4E0F-6C1A6E013CFB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2A4F4E45-CF13-204A-5A82-79F371EBEC4D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8F35637E-C304-37ED-8152-85D4FAA2E6F8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200F2764-8701-9650-8BA0-651F597168C1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9166704D-9163-B7E3-F55F-2C637A12F11E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B517B20F-52E5-5A1A-9274-4C9E0D9C6DAB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B97F9308-3C4D-BDF7-6E14-E4B8A3F3FA54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F6E40895-8FD9-8805-FDEB-C498DB06DCF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39ADA46E-2CB5-4301-1363-B0DB6A512D0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18D880B3-DB0A-3C3C-9A90-3754B82FFDFA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90FAF342-2B1A-141B-0F4A-96B1665FD8E9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CFDE616E-D1F6-4BCA-C021-E25345E68374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57A25DDB-0F84-034E-4FD1-79D25359A00F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C30749C7-AED7-9512-435A-0151E8189605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A18A54D5-52B2-EAAC-75BB-947171A853E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4B22A5FB-539C-5AC0-E05F-D77E715935F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7FD1952E-D69D-98A5-98E5-B5E7E663A6C2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770199BA-DF9D-05FB-9825-3054014A0ADE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CD0B20C7-B85B-0FD4-0B34-7C4EED8BEC6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8009B7EC-DBDC-4C79-DB4B-EBB2D7CC5CF5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210CEA76-66F5-15F9-F016-DC2011426CD4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5C021F86-B86F-043F-FAE8-A816817DDC59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115E71BD-204B-5248-599E-2CA43D92CCB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52440372-6026-0BD1-4F7A-766E27C8B76C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BA64438F-CDD2-D786-72D5-D2AA42C74A3A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3235A4BC-25BB-1EDE-3BF1-54FC7D40603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D02B521E-D50C-692C-27DC-4B7AED3A300F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3B6C93E0-E557-06C2-A30F-B961F6CD4385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7781847A-30DC-46D8-4FEE-A31042F2AD48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7EE2B798-C584-7336-0768-87DCB2F5354B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71C4FED6-22A1-13DB-B824-59833713BF7F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96A56F8B-7F27-6F38-7EB5-461971370B24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7B24B5E1-B4A0-BFC4-644C-B0B262F2EEC7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037E386A-5A38-B71F-D85C-0B81B4C374F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B229EFAF-A2AD-7264-7999-F37F3A7A126E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176AFC82-9601-0778-500B-82FF2EB560E0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CD369DB3-1311-8311-89F1-39B682867893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B1747290-5095-0B62-CFCA-4CB097C3831A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61F62C1B-90B7-1520-C855-96D7B32DFFA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E4BD4B06-D623-7E33-6015-286034C13FCE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D8F6E0EE-68E4-228E-278A-C1D4E2BB0BF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75176CBA-E543-F781-C9BE-48161EEC6611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EA5980B3-5D00-A453-6082-846C286AF589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39C1E864-733D-955D-5151-840B97394E5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0B386118-6B8B-E418-C1BE-819C767DE52F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0BFEA0E2-AB47-4671-D570-52081E38B2AC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3EBD7F6B-1B5A-6294-DD62-8D50B5FE195E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4E8C8E62-68EB-F85D-8AE9-71CF444DC914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C00BE17A-11B7-054A-0887-D06943DE293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CE7A1900-33C5-AC48-399A-DD6563D84D2E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EBCAEF21-4AE5-DCE9-EECC-8C8E653BD0AA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B565BAB8-FF10-76CF-35D7-825F08B0063D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E86D0162-36E5-0AB2-1A14-422FC70A5027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B7481CF3-9F8D-64FA-7656-4A4517050E40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21E88B79-4990-322E-401B-E3C40B56F50F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D9DA840A-C66F-D48A-3124-25AA07AF0164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D597DC07-11D9-FC21-5200-1187FB6CEB45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E8299BDC-EEFC-565E-D45B-757B96EFD702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027C2C27-FB2D-11D9-A1C6-016B7DB5B695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81932110-9929-3797-9393-37E7EEAAF088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58A535D8-49B2-8E83-5BA1-010C05AB8E2D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4018E93D-2B16-E521-49B9-49B250B98035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12AAFFC0-A084-938E-B4B9-2A7D24761640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B7EBA2F8-A492-49AD-4971-A9AAA5ADA9D4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380B9CC1-75B0-1078-599D-CCCAF0CE97EC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20F01FC6-C61D-A943-1D25-8EA438ED9C19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CDE11F39-5F4B-D0F0-402E-16F981D11314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6FF6A7B9-509B-2B4B-24D1-77A5EC582260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2C399F8C-9354-3A14-7B4D-F4725E4A877D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DE54E6A7-19B9-CD5C-E997-23B052A0F2D6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5A2714BC-0522-FC5A-D70E-4BEB57BAE067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6709C663-3167-38B6-00F2-E9744072F514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1EE33ADD-35E7-6020-6590-7E9AEAECDBA2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63D71B5A-0A8B-701B-483C-83AAEF1B394E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542429F-11E9-57F1-468B-5F15B79F64C6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3647F92A-52F7-1B90-C7AB-E106DE272A44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DC8A72C5-283C-1DBF-45BD-2ED68C97F86A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5B1C3403-EE99-BDAA-C6D4-25EF19B3F548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833D6672-5A75-CFA3-6477-874053253DEE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32CEE787-6AF1-6287-C6E9-298751F67031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83C1D7E6-9E29-D881-61F7-CFDB282F9481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BBAA307D-90AC-2701-D5F8-551B07314843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E15AACF5-D425-6D76-A4F8-6DC8A97D8AF6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3ED17635-56BD-C1CB-1E93-A209234DD445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57ECD32B-EAEB-6AF0-7886-ED731CCFB140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AB57B50C-B896-6A0A-797F-808724854FE5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16E0F31E-750B-166C-FAEB-096413802466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3BD93BFB-B06C-508B-5176-2A5473FE801B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12CFDE46-EEB0-9CCD-794F-265BB3CF05BB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C7954E64-D3DB-1C9F-08C0-12EFE93FDFB4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2FD64EF6-883D-7A63-A159-574FC018D207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50C9018B-CD76-01C3-46F1-7D22506B6297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1B30BDC8-2E35-8F9D-05BF-BC96E939073E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5AC68C2E-9A86-AA6B-851B-AFCE0AA257E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A12ADD9E-B943-54D7-14C6-093D9194E069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75CCA9D6-0448-96CF-1B21-08511104E2F9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1EBBB5C9-ADB6-7250-764C-6E8065A8FDA0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7C4D2B60-4B9C-0C76-7243-CD43546B887A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7B3DC909-6D18-FA52-A2FB-FB61E62369BD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B3A095F9-CDE5-3ABD-6562-4D562E9A2E5C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CD47B6F3-548E-9FBA-45AB-A15E37A28FCA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B01BF5D4-CA22-8AFE-DEC3-E281E0F2F606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05FEC505-2059-60CD-D050-29AA538F9F1F}"/>
                </a:ext>
              </a:extLst>
            </p:cNvPr>
            <p:cNvSpPr txBox="1"/>
            <p:nvPr/>
          </p:nvSpPr>
          <p:spPr>
            <a:xfrm>
              <a:off x="16041873" y="9481269"/>
              <a:ext cx="381335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755FD98E-5B3B-DF57-F22F-6BD557EDD967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10275F74-7E3D-4ACB-0941-E6F9247664E9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88D62AEA-9E03-43DF-26C2-2FE4009B1985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6F22884C-3E2C-1C9A-863C-47AFB1F8A139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>
              <a:defRPr/>
            </a:pPr>
            <a:r>
              <a:rPr lang="en-ID" sz="2800" dirty="0"/>
              <a:t>Budi </a:t>
            </a:r>
            <a:r>
              <a:rPr lang="en-ID" sz="2800" dirty="0" err="1" smtClean="0"/>
              <a:t>lulusan</a:t>
            </a:r>
            <a:r>
              <a:rPr lang="en-ID" sz="2800" dirty="0" smtClean="0"/>
              <a:t> </a:t>
            </a:r>
            <a:r>
              <a:rPr lang="en-ID" sz="2800" dirty="0"/>
              <a:t>SMK yang </a:t>
            </a:r>
            <a:r>
              <a:rPr lang="en-ID" sz="2800" dirty="0" err="1"/>
              <a:t>bekerja</a:t>
            </a:r>
            <a:r>
              <a:rPr lang="en-ID" sz="2800" dirty="0"/>
              <a:t> di PT ABC </a:t>
            </a:r>
            <a:r>
              <a:rPr lang="en-ID" sz="2800" dirty="0" err="1"/>
              <a:t>mulai</a:t>
            </a:r>
            <a:r>
              <a:rPr lang="en-ID" sz="2800" dirty="0"/>
              <a:t> 1 </a:t>
            </a:r>
            <a:r>
              <a:rPr lang="en-ID" sz="2800" dirty="0" smtClean="0"/>
              <a:t>Feb 2016</a:t>
            </a:r>
            <a:r>
              <a:rPr lang="en-ID" sz="2800" dirty="0"/>
              <a:t>.</a:t>
            </a:r>
          </a:p>
          <a:p>
            <a:pPr lvl="0" algn="ctr">
              <a:defRPr/>
            </a:pPr>
            <a:r>
              <a:rPr lang="en-ID" sz="2800" dirty="0" err="1" smtClean="0"/>
              <a:t>Gaji</a:t>
            </a:r>
            <a:r>
              <a:rPr lang="en-ID" sz="2800" dirty="0" smtClean="0"/>
              <a:t> </a:t>
            </a:r>
            <a:r>
              <a:rPr lang="en-ID" sz="2800" dirty="0" err="1" smtClean="0"/>
              <a:t>perbulan</a:t>
            </a:r>
            <a:r>
              <a:rPr lang="en-ID" sz="2800" dirty="0" smtClean="0"/>
              <a:t> </a:t>
            </a:r>
            <a:r>
              <a:rPr lang="en-ID" sz="2800" dirty="0" err="1"/>
              <a:t>sebesar</a:t>
            </a:r>
            <a:r>
              <a:rPr lang="en-ID" sz="2800" dirty="0"/>
              <a:t> Rp2.500.000,00. </a:t>
            </a:r>
            <a:r>
              <a:rPr lang="en-ID" sz="2800" dirty="0" err="1" smtClean="0"/>
              <a:t>Untuk</a:t>
            </a:r>
            <a:r>
              <a:rPr lang="en-ID" sz="2800" dirty="0" smtClean="0"/>
              <a:t> </a:t>
            </a:r>
            <a:r>
              <a:rPr lang="en-ID" sz="2800" dirty="0" err="1" smtClean="0"/>
              <a:t>itu</a:t>
            </a:r>
            <a:r>
              <a:rPr lang="en-ID" sz="2800" dirty="0" smtClean="0"/>
              <a:t> Budi </a:t>
            </a:r>
            <a:r>
              <a:rPr lang="en-ID" sz="2800" dirty="0" err="1" smtClean="0"/>
              <a:t>tidak</a:t>
            </a:r>
            <a:r>
              <a:rPr lang="en-ID" sz="2800" dirty="0" smtClean="0"/>
              <a:t> </a:t>
            </a:r>
            <a:r>
              <a:rPr lang="en-ID" sz="2800" dirty="0" err="1" smtClean="0"/>
              <a:t>wajib</a:t>
            </a:r>
            <a:r>
              <a:rPr lang="en-ID" sz="2800" dirty="0" smtClean="0"/>
              <a:t> </a:t>
            </a:r>
            <a:r>
              <a:rPr lang="en-ID" sz="2800" dirty="0" err="1" smtClean="0"/>
              <a:t>memiliki</a:t>
            </a:r>
            <a:r>
              <a:rPr lang="en-ID" sz="2800" dirty="0" smtClean="0"/>
              <a:t> NPWP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5204F920-C216-961C-05B1-921523A0CE9C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9DC06AD4-2968-986D-DD6D-5CEC770CE31D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9B047BE7-0683-F56C-7707-2822CDD202C5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3</a:t>
              </a: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8EB4A63B-A3AE-1E90-791C-23963447E139}"/>
              </a:ext>
            </a:extLst>
          </p:cNvPr>
          <p:cNvGrpSpPr/>
          <p:nvPr/>
        </p:nvGrpSpPr>
        <p:grpSpPr>
          <a:xfrm>
            <a:off x="1328291" y="6814893"/>
            <a:ext cx="4049399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2AAD7AC7-3360-FCCC-2EB3-E3898C52917D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335F0F39-A466-A8BF-096E-3F7A93B6F4C4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 smtClean="0">
                  <a:solidFill>
                    <a:srgbClr val="000000"/>
                  </a:solidFill>
                  <a:effectLst/>
                  <a:latin typeface="ff0"/>
                </a:rPr>
                <a:t>SALAH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8EF9B811-2076-7562-7524-C04B62A8E5FF}"/>
              </a:ext>
            </a:extLst>
          </p:cNvPr>
          <p:cNvGrpSpPr/>
          <p:nvPr/>
        </p:nvGrpSpPr>
        <p:grpSpPr>
          <a:xfrm>
            <a:off x="1006431" y="5091003"/>
            <a:ext cx="4398058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A58AA563-37BC-C80D-3557-E414004F74EF}"/>
                </a:ext>
              </a:extLst>
            </p:cNvPr>
            <p:cNvPicPr>
              <a:picLocks noChangeAspect="1"/>
            </p:cNvPicPr>
            <p:nvPr/>
          </p:nvPicPr>
          <p:blipFill>
            <a:blip r:embed="rId1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E4448B5A-56D3-F2AA-8C81-93A305F78CB7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E2021759-B167-EF27-4F87-9770F55311EF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CEB4889E-CB4D-0776-2143-DC5CD3E0B840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 smtClean="0">
                    <a:solidFill>
                      <a:srgbClr val="010D30"/>
                    </a:solidFill>
                    <a:latin typeface="Karla" pitchFamily="2" charset="0"/>
                  </a:rPr>
                  <a:t>BENAR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4" action="ppaction://hlinksldjump"/>
            <a:extLst>
              <a:ext uri="{FF2B5EF4-FFF2-40B4-BE49-F238E27FC236}">
                <a16:creationId xmlns="" xmlns:a16="http://schemas.microsoft.com/office/drawing/2014/main" id="{2FBC3F1F-FFA4-1174-30C7-B91CB51587CD}"/>
              </a:ext>
            </a:extLst>
          </p:cNvPr>
          <p:cNvPicPr>
            <a:picLocks noChangeAspect="1"/>
          </p:cNvPicPr>
          <p:nvPr/>
        </p:nvPicPr>
        <p:blipFill rotWithShape="1"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980301" y="6511519"/>
            <a:ext cx="1365519" cy="1052158"/>
          </a:xfrm>
          <a:prstGeom prst="rect">
            <a:avLst/>
          </a:prstGeom>
        </p:spPr>
      </p:pic>
      <p:sp>
        <p:nvSpPr>
          <p:cNvPr id="209" name="Rectangle 208">
            <a:extLst>
              <a:ext uri="{FF2B5EF4-FFF2-40B4-BE49-F238E27FC236}">
                <a16:creationId xmlns="" xmlns:a16="http://schemas.microsoft.com/office/drawing/2014/main" id="{85A94CE9-68D3-44DF-2820-6BB1E90DEA6B}"/>
              </a:ext>
            </a:extLst>
          </p:cNvPr>
          <p:cNvSpPr/>
          <p:nvPr/>
        </p:nvSpPr>
        <p:spPr>
          <a:xfrm>
            <a:off x="0" y="0"/>
            <a:ext cx="6858000" cy="11975137"/>
          </a:xfrm>
          <a:prstGeom prst="rect">
            <a:avLst/>
          </a:prstGeom>
          <a:solidFill>
            <a:srgbClr val="010D30">
              <a:alpha val="72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216" name="Group 215">
            <a:extLst>
              <a:ext uri="{FF2B5EF4-FFF2-40B4-BE49-F238E27FC236}">
                <a16:creationId xmlns="" xmlns:a16="http://schemas.microsoft.com/office/drawing/2014/main" id="{9530B005-8342-FDED-24D2-8C0ED8BCB853}"/>
              </a:ext>
            </a:extLst>
          </p:cNvPr>
          <p:cNvGrpSpPr/>
          <p:nvPr/>
        </p:nvGrpSpPr>
        <p:grpSpPr>
          <a:xfrm>
            <a:off x="1502896" y="6086495"/>
            <a:ext cx="3323424" cy="2004698"/>
            <a:chOff x="1502896" y="6086495"/>
            <a:chExt cx="3323424" cy="2004698"/>
          </a:xfrm>
        </p:grpSpPr>
        <p:sp>
          <p:nvSpPr>
            <p:cNvPr id="217" name="Rectangle: Rounded Corners 4">
              <a:extLst>
                <a:ext uri="{FF2B5EF4-FFF2-40B4-BE49-F238E27FC236}">
                  <a16:creationId xmlns="" xmlns:a16="http://schemas.microsoft.com/office/drawing/2014/main" id="{44747A90-422E-DC57-009F-F6B7BD34189C}"/>
                </a:ext>
              </a:extLst>
            </p:cNvPr>
            <p:cNvSpPr/>
            <p:nvPr/>
          </p:nvSpPr>
          <p:spPr>
            <a:xfrm>
              <a:off x="1502896" y="6086495"/>
              <a:ext cx="3323424" cy="2004698"/>
            </a:xfrm>
            <a:prstGeom prst="roundRect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/>
            </a:p>
          </p:txBody>
        </p:sp>
        <p:sp>
          <p:nvSpPr>
            <p:cNvPr id="218" name="TextBox 217">
              <a:extLst>
                <a:ext uri="{FF2B5EF4-FFF2-40B4-BE49-F238E27FC236}">
                  <a16:creationId xmlns="" xmlns:a16="http://schemas.microsoft.com/office/drawing/2014/main" id="{8D9CE729-ECD8-4A3D-38B4-8ED2FFB1E9B8}"/>
                </a:ext>
              </a:extLst>
            </p:cNvPr>
            <p:cNvSpPr txBox="1"/>
            <p:nvPr/>
          </p:nvSpPr>
          <p:spPr>
            <a:xfrm>
              <a:off x="1896956" y="6297928"/>
              <a:ext cx="1478290" cy="646331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3600" dirty="0">
                  <a:solidFill>
                    <a:schemeClr val="bg1"/>
                  </a:solidFill>
                </a:rPr>
                <a:t>BENAR</a:t>
              </a:r>
              <a:endParaRPr lang="en-ID" sz="3600" dirty="0">
                <a:solidFill>
                  <a:schemeClr val="bg1"/>
                </a:solidFill>
              </a:endParaRPr>
            </a:p>
          </p:txBody>
        </p:sp>
        <p:sp>
          <p:nvSpPr>
            <p:cNvPr id="219" name="Rectangle: Rounded Corners 6">
              <a:hlinkClick r:id="rId18" action="ppaction://hlinksldjump"/>
              <a:extLst>
                <a:ext uri="{FF2B5EF4-FFF2-40B4-BE49-F238E27FC236}">
                  <a16:creationId xmlns="" xmlns:a16="http://schemas.microsoft.com/office/drawing/2014/main" id="{F6789628-62A2-92C1-4408-B5D28E2854C7}"/>
                </a:ext>
              </a:extLst>
            </p:cNvPr>
            <p:cNvSpPr/>
            <p:nvPr/>
          </p:nvSpPr>
          <p:spPr>
            <a:xfrm>
              <a:off x="2024895" y="7129956"/>
              <a:ext cx="2561716" cy="538995"/>
            </a:xfrm>
            <a:prstGeom prst="roundRect">
              <a:avLst/>
            </a:prstGeom>
            <a:solidFill>
              <a:srgbClr val="7030A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400" dirty="0"/>
                <a:t>SELANJUTNYA</a:t>
              </a:r>
              <a:endParaRPr lang="en-ID" sz="2400" dirty="0"/>
            </a:p>
          </p:txBody>
        </p:sp>
        <p:pic>
          <p:nvPicPr>
            <p:cNvPr id="220" name="Graphic 7" descr="Checkmark with solid fill">
              <a:extLst>
                <a:ext uri="{FF2B5EF4-FFF2-40B4-BE49-F238E27FC236}">
                  <a16:creationId xmlns="" xmlns:a16="http://schemas.microsoft.com/office/drawing/2014/main" id="{539F6668-7C1D-A901-AC23-23B4C9400AA9}"/>
                </a:ext>
              </a:extLst>
            </p:cNvPr>
            <p:cNvPicPr>
              <a:picLocks noChangeAspect="1"/>
            </p:cNvPicPr>
            <p:nvPr/>
          </p:nvPicPr>
          <p:blipFill>
            <a:blip r:embed="rId19" cstate="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="" xmlns:asvg="http://schemas.microsoft.com/office/drawing/2016/SVG/main" r:embed="rId20"/>
                </a:ext>
              </a:extLst>
            </a:blip>
            <a:stretch>
              <a:fillRect/>
            </a:stretch>
          </p:blipFill>
          <p:spPr>
            <a:xfrm>
              <a:off x="3501661" y="6151026"/>
              <a:ext cx="914400" cy="91440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061595518"/>
      </p:ext>
    </p:extLst>
  </p:cSld>
  <p:clrMapOvr>
    <a:masterClrMapping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AA5F584F-73B3-137C-4224-2ED37986A5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3B898788-6C81-A5D7-B52F-1A25552467F4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0351092B-1BB0-5B50-2871-06758230E2C1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E9BA5218-EA90-173E-5454-442945C51407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E0AB4543-2E9E-23E4-CF84-2AFC7C9F33B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1CD50D4C-87D7-9452-1DDB-351F45BD5AC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41DF04EF-E442-469E-5F6B-E99723B875A1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41376168-62B6-103B-3605-5B47ED9D3433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9DF6BF3D-5189-DC0E-066B-047F41FDE2FC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C7C60A36-7529-BE17-23F5-C98E8D78C3BE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35EBDE67-AE13-1530-C2F6-8D149028A8E3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0051B020-C87C-4ED0-B722-BAE68AB478B6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EFF46FEB-B7F2-383C-851A-2AE29B192040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8DB757E1-91EE-FE74-0745-59B1D3B5130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B6A9BD07-B8FC-E71D-DB7E-F02D8C18B880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47612B7C-322B-9604-B132-693DB618E63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25DF65DD-CD85-2D69-9173-440485D02160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08F82CB0-CBEE-4FA5-24F9-BC0636B1FF30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AF590D2D-3015-826F-ADD0-5CDC9A14599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E12FD56E-9B62-D075-819D-86B57C47F9AD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AF1EE086-3BC4-3432-B0CC-CB19C84F419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C3C7AD79-3A22-9916-6E4E-417C27254C70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F1A90581-AF9F-87C1-F567-BAAB438C464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C359993E-0FFF-FD81-516E-0A050F4683B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78867F94-4E58-0A54-071A-9A546E0B6D0F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1E3196AB-EA44-D38A-589C-FD568B573D41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A0B55D18-B990-44E3-92AE-7413084EBD87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B5C541D1-4985-2EB8-1C89-8549DF850D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8F3C1761-5DB4-3A97-F37E-36BEB521EE4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D2CABE6C-8015-0041-4847-B8F3D63CEA4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1C291579-02E6-22CA-FF70-B6E481194BFA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47A7CC21-8F61-9070-BAE5-AEFF372182EA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42D54390-941F-2248-8CBC-9C3FB117CE56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00F6DFA8-7849-8F62-2657-1C913F63D85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B1CFDBEC-A857-1B00-CF76-CA0E9135620C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A5443487-2D41-58AE-6A99-B7E6FFA00A15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4063B7E9-CEFC-0D79-72AE-5B588A347723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6E687913-2BB5-3886-5219-9AB927A5929D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AF5D9496-4C2B-3209-F3A5-14DEE1E70E52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5D8FF0CD-B69F-B1B2-D5EB-320D2879B91C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15189C02-B3AE-D345-8663-39CFDEE1D53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8D910887-180B-970A-A87F-7082F13DDA0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5D344960-8320-FC37-E83F-A6FC949AFE1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F846F8E6-BB47-5754-E716-D68EAB737B04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CD3C34F9-C183-AE29-BF71-BFFB3F0CEEFE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6F3F1814-C291-E63C-1866-D327F6928AFA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28A291B7-C9E3-4BE2-57A2-95D75657BD6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B048A827-608A-BCC2-9797-BD47DA43DD57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DBC241F9-22FE-D373-A694-237E658A224E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12A75C53-4EB1-6C50-1A9E-27B4F1852DE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E6C5CF19-3853-52CB-C48E-D6158F6A825A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D12F9010-639D-B6AE-4E0F-6C1A6E013CFB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2A4F4E45-CF13-204A-5A82-79F371EBEC4D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8F35637E-C304-37ED-8152-85D4FAA2E6F8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200F2764-8701-9650-8BA0-651F597168C1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9166704D-9163-B7E3-F55F-2C637A12F11E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B517B20F-52E5-5A1A-9274-4C9E0D9C6DAB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B97F9308-3C4D-BDF7-6E14-E4B8A3F3FA54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F6E40895-8FD9-8805-FDEB-C498DB06DCF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39ADA46E-2CB5-4301-1363-B0DB6A512D0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18D880B3-DB0A-3C3C-9A90-3754B82FFDFA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90FAF342-2B1A-141B-0F4A-96B1665FD8E9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CFDE616E-D1F6-4BCA-C021-E25345E68374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57A25DDB-0F84-034E-4FD1-79D25359A00F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C30749C7-AED7-9512-435A-0151E8189605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A18A54D5-52B2-EAAC-75BB-947171A853E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4B22A5FB-539C-5AC0-E05F-D77E715935F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7FD1952E-D69D-98A5-98E5-B5E7E663A6C2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770199BA-DF9D-05FB-9825-3054014A0ADE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CD0B20C7-B85B-0FD4-0B34-7C4EED8BEC6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8009B7EC-DBDC-4C79-DB4B-EBB2D7CC5CF5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210CEA76-66F5-15F9-F016-DC2011426CD4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5C021F86-B86F-043F-FAE8-A816817DDC59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115E71BD-204B-5248-599E-2CA43D92CCB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52440372-6026-0BD1-4F7A-766E27C8B76C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BA64438F-CDD2-D786-72D5-D2AA42C74A3A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3235A4BC-25BB-1EDE-3BF1-54FC7D40603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D02B521E-D50C-692C-27DC-4B7AED3A300F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3B6C93E0-E557-06C2-A30F-B961F6CD4385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7781847A-30DC-46D8-4FEE-A31042F2AD48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7EE2B798-C584-7336-0768-87DCB2F5354B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71C4FED6-22A1-13DB-B824-59833713BF7F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96A56F8B-7F27-6F38-7EB5-461971370B24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7B24B5E1-B4A0-BFC4-644C-B0B262F2EEC7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037E386A-5A38-B71F-D85C-0B81B4C374F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B229EFAF-A2AD-7264-7999-F37F3A7A126E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176AFC82-9601-0778-500B-82FF2EB560E0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CD369DB3-1311-8311-89F1-39B682867893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B1747290-5095-0B62-CFCA-4CB097C3831A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61F62C1B-90B7-1520-C855-96D7B32DFFA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E4BD4B06-D623-7E33-6015-286034C13FCE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D8F6E0EE-68E4-228E-278A-C1D4E2BB0BF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75176CBA-E543-F781-C9BE-48161EEC6611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EA5980B3-5D00-A453-6082-846C286AF589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39C1E864-733D-955D-5151-840B97394E5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0B386118-6B8B-E418-C1BE-819C767DE52F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0BFEA0E2-AB47-4671-D570-52081E38B2AC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3EBD7F6B-1B5A-6294-DD62-8D50B5FE195E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4E8C8E62-68EB-F85D-8AE9-71CF444DC914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C00BE17A-11B7-054A-0887-D06943DE293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CE7A1900-33C5-AC48-399A-DD6563D84D2E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EBCAEF21-4AE5-DCE9-EECC-8C8E653BD0AA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B565BAB8-FF10-76CF-35D7-825F08B0063D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E86D0162-36E5-0AB2-1A14-422FC70A5027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B7481CF3-9F8D-64FA-7656-4A4517050E40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21E88B79-4990-322E-401B-E3C40B56F50F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D9DA840A-C66F-D48A-3124-25AA07AF0164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D597DC07-11D9-FC21-5200-1187FB6CEB45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E8299BDC-EEFC-565E-D45B-757B96EFD702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027C2C27-FB2D-11D9-A1C6-016B7DB5B695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81932110-9929-3797-9393-37E7EEAAF088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58A535D8-49B2-8E83-5BA1-010C05AB8E2D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4018E93D-2B16-E521-49B9-49B250B98035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12AAFFC0-A084-938E-B4B9-2A7D24761640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B7EBA2F8-A492-49AD-4971-A9AAA5ADA9D4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380B9CC1-75B0-1078-599D-CCCAF0CE97EC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20F01FC6-C61D-A943-1D25-8EA438ED9C19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CDE11F39-5F4B-D0F0-402E-16F981D11314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6FF6A7B9-509B-2B4B-24D1-77A5EC582260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2C399F8C-9354-3A14-7B4D-F4725E4A877D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DE54E6A7-19B9-CD5C-E997-23B052A0F2D6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5A2714BC-0522-FC5A-D70E-4BEB57BAE067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6709C663-3167-38B6-00F2-E9744072F514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1EE33ADD-35E7-6020-6590-7E9AEAECDBA2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63D71B5A-0A8B-701B-483C-83AAEF1B394E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542429F-11E9-57F1-468B-5F15B79F64C6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3647F92A-52F7-1B90-C7AB-E106DE272A44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DC8A72C5-283C-1DBF-45BD-2ED68C97F86A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5B1C3403-EE99-BDAA-C6D4-25EF19B3F548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833D6672-5A75-CFA3-6477-874053253DEE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32CEE787-6AF1-6287-C6E9-298751F67031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83C1D7E6-9E29-D881-61F7-CFDB282F9481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BBAA307D-90AC-2701-D5F8-551B07314843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E15AACF5-D425-6D76-A4F8-6DC8A97D8AF6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3ED17635-56BD-C1CB-1E93-A209234DD445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57ECD32B-EAEB-6AF0-7886-ED731CCFB140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AB57B50C-B896-6A0A-797F-808724854FE5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16E0F31E-750B-166C-FAEB-096413802466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3BD93BFB-B06C-508B-5176-2A5473FE801B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12CFDE46-EEB0-9CCD-794F-265BB3CF05BB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C7954E64-D3DB-1C9F-08C0-12EFE93FDFB4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2FD64EF6-883D-7A63-A159-574FC018D207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50C9018B-CD76-01C3-46F1-7D22506B6297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1B30BDC8-2E35-8F9D-05BF-BC96E939073E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5AC68C2E-9A86-AA6B-851B-AFCE0AA257E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A12ADD9E-B943-54D7-14C6-093D9194E069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75CCA9D6-0448-96CF-1B21-08511104E2F9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1EBBB5C9-ADB6-7250-764C-6E8065A8FDA0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7C4D2B60-4B9C-0C76-7243-CD43546B887A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7B3DC909-6D18-FA52-A2FB-FB61E62369BD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B3A095F9-CDE5-3ABD-6562-4D562E9A2E5C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CD47B6F3-548E-9FBA-45AB-A15E37A28FCA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B01BF5D4-CA22-8AFE-DEC3-E281E0F2F606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05FEC505-2059-60CD-D050-29AA538F9F1F}"/>
                </a:ext>
              </a:extLst>
            </p:cNvPr>
            <p:cNvSpPr txBox="1"/>
            <p:nvPr/>
          </p:nvSpPr>
          <p:spPr>
            <a:xfrm>
              <a:off x="16041873" y="9481269"/>
              <a:ext cx="4554905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2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755FD98E-5B3B-DF57-F22F-6BD557EDD967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10275F74-7E3D-4ACB-0941-E6F9247664E9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88D62AEA-9E03-43DF-26C2-2FE4009B1985}"/>
              </a:ext>
            </a:extLst>
          </p:cNvPr>
          <p:cNvSpPr/>
          <p:nvPr/>
        </p:nvSpPr>
        <p:spPr>
          <a:xfrm>
            <a:off x="439942" y="1802070"/>
            <a:ext cx="5978117" cy="4807590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6F22884C-3E2C-1C9A-863C-47AFB1F8A139}"/>
              </a:ext>
            </a:extLst>
          </p:cNvPr>
          <p:cNvSpPr txBox="1"/>
          <p:nvPr/>
        </p:nvSpPr>
        <p:spPr>
          <a:xfrm>
            <a:off x="610663" y="2114754"/>
            <a:ext cx="5617321" cy="44012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>
              <a:defRPr/>
            </a:pPr>
            <a:r>
              <a:rPr lang="en-ID" sz="2800" dirty="0" err="1"/>
              <a:t>Konsekuensi</a:t>
            </a:r>
            <a:r>
              <a:rPr lang="en-ID" sz="2800" dirty="0"/>
              <a:t> </a:t>
            </a:r>
            <a:r>
              <a:rPr lang="en-ID" sz="2800" dirty="0" err="1"/>
              <a:t>tidak</a:t>
            </a:r>
            <a:r>
              <a:rPr lang="en-ID" sz="2800" dirty="0"/>
              <a:t> </a:t>
            </a:r>
            <a:r>
              <a:rPr lang="en-ID" sz="2800" dirty="0" err="1" smtClean="0"/>
              <a:t>punya</a:t>
            </a:r>
            <a:r>
              <a:rPr lang="en-ID" sz="2800" dirty="0" smtClean="0"/>
              <a:t> NPWP:</a:t>
            </a:r>
            <a:endParaRPr lang="en-ID" sz="2800" dirty="0"/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en-ID" sz="2800" dirty="0" err="1"/>
              <a:t>Harus</a:t>
            </a:r>
            <a:r>
              <a:rPr lang="en-ID" sz="2800" dirty="0"/>
              <a:t> </a:t>
            </a:r>
            <a:r>
              <a:rPr lang="en-ID" sz="2800" dirty="0" err="1"/>
              <a:t>Membayar</a:t>
            </a:r>
            <a:r>
              <a:rPr lang="en-ID" sz="2800" dirty="0"/>
              <a:t> </a:t>
            </a:r>
            <a:r>
              <a:rPr lang="en-ID" sz="2800" dirty="0" err="1"/>
              <a:t>PPh</a:t>
            </a:r>
            <a:r>
              <a:rPr lang="en-ID" sz="2800" dirty="0"/>
              <a:t> </a:t>
            </a:r>
            <a:r>
              <a:rPr lang="en-ID" sz="2800" dirty="0" err="1"/>
              <a:t>Lebih</a:t>
            </a:r>
            <a:r>
              <a:rPr lang="en-ID" sz="2800" dirty="0"/>
              <a:t> </a:t>
            </a:r>
            <a:r>
              <a:rPr lang="en-ID" sz="2800" dirty="0" err="1"/>
              <a:t>Besar</a:t>
            </a:r>
            <a:r>
              <a:rPr lang="en-ID" sz="2800" dirty="0"/>
              <a:t>.</a:t>
            </a:r>
            <a:endParaRPr lang="en-ID" sz="2800" dirty="0" smtClean="0"/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sv-SE" sz="2800" dirty="0"/>
              <a:t>Potongan Pajak Lebih Tinggi, Jika Terjadi PHK</a:t>
            </a:r>
            <a:r>
              <a:rPr lang="en-ID" sz="2800" dirty="0" smtClean="0"/>
              <a:t>.</a:t>
            </a:r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sv-SE" sz="2800" dirty="0"/>
              <a:t>Kesulitan Mengajukan Pinjaman/ Kredit Perbankan</a:t>
            </a:r>
            <a:r>
              <a:rPr lang="en-ID" sz="2800" dirty="0" smtClean="0"/>
              <a:t>.</a:t>
            </a:r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en-ID" sz="2800" dirty="0" err="1"/>
              <a:t>Terkena</a:t>
            </a:r>
            <a:r>
              <a:rPr lang="en-ID" sz="2800" dirty="0"/>
              <a:t> </a:t>
            </a:r>
            <a:r>
              <a:rPr lang="en-ID" sz="2800" dirty="0" err="1"/>
              <a:t>Pajak</a:t>
            </a:r>
            <a:r>
              <a:rPr lang="en-ID" sz="2800" dirty="0"/>
              <a:t> </a:t>
            </a:r>
            <a:r>
              <a:rPr lang="en-ID" sz="2800" dirty="0" err="1"/>
              <a:t>Lebih</a:t>
            </a:r>
            <a:r>
              <a:rPr lang="en-ID" sz="2800" dirty="0"/>
              <a:t> Tinggi </a:t>
            </a:r>
            <a:r>
              <a:rPr lang="en-ID" sz="2800" dirty="0" err="1"/>
              <a:t>Saat</a:t>
            </a:r>
            <a:r>
              <a:rPr lang="en-ID" sz="2800" dirty="0"/>
              <a:t> </a:t>
            </a:r>
            <a:r>
              <a:rPr lang="en-ID" sz="2800" dirty="0" err="1"/>
              <a:t>Belanja</a:t>
            </a:r>
            <a:r>
              <a:rPr lang="en-ID" sz="2800" dirty="0"/>
              <a:t> </a:t>
            </a:r>
            <a:r>
              <a:rPr lang="en-ID" sz="2800" dirty="0" err="1"/>
              <a:t>Barang</a:t>
            </a:r>
            <a:r>
              <a:rPr lang="en-ID" sz="2800" dirty="0"/>
              <a:t> </a:t>
            </a:r>
            <a:r>
              <a:rPr lang="en-ID" sz="2800" dirty="0" err="1"/>
              <a:t>ke</a:t>
            </a:r>
            <a:r>
              <a:rPr lang="en-ID" sz="2800" dirty="0"/>
              <a:t> </a:t>
            </a:r>
            <a:r>
              <a:rPr lang="en-ID" sz="2800" dirty="0" err="1"/>
              <a:t>Luar</a:t>
            </a:r>
            <a:r>
              <a:rPr lang="en-ID" sz="2800" dirty="0"/>
              <a:t> </a:t>
            </a:r>
            <a:r>
              <a:rPr lang="en-ID" sz="2800" dirty="0" err="1"/>
              <a:t>Negeri</a:t>
            </a:r>
            <a:r>
              <a:rPr lang="en-ID" sz="2800" dirty="0"/>
              <a:t>.</a:t>
            </a:r>
            <a:endParaRPr lang="en-ID" sz="2800" dirty="0" smtClean="0"/>
          </a:p>
          <a:p>
            <a:pPr marL="514350" lvl="0" indent="-514350">
              <a:buFont typeface="+mj-lt"/>
              <a:buAutoNum type="arabicPeriod"/>
              <a:tabLst>
                <a:tab pos="449263" algn="l"/>
              </a:tabLst>
              <a:defRPr/>
            </a:pPr>
            <a:r>
              <a:rPr lang="en-ID" sz="2800" dirty="0" err="1"/>
              <a:t>Kesulitan</a:t>
            </a:r>
            <a:r>
              <a:rPr lang="en-ID" sz="2800" dirty="0"/>
              <a:t> </a:t>
            </a:r>
            <a:r>
              <a:rPr lang="en-ID" sz="2800" dirty="0" err="1"/>
              <a:t>Mengurus</a:t>
            </a:r>
            <a:r>
              <a:rPr lang="en-ID" sz="2800" dirty="0"/>
              <a:t> Visa.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5204F920-C216-961C-05B1-921523A0CE9C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9DC06AD4-2968-986D-DD6D-5CEC770CE31D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9B047BE7-0683-F56C-7707-2822CDD202C5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</a:t>
              </a:r>
              <a:r>
                <a:rPr kumimoji="0" lang="en-US" sz="2800" b="0" i="0" u="none" strike="noStrike" kern="1200" cap="none" spc="0" normalizeH="0" baseline="0" noProof="0" dirty="0" smtClean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. 2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8EB4A63B-A3AE-1E90-791C-23963447E139}"/>
              </a:ext>
            </a:extLst>
          </p:cNvPr>
          <p:cNvGrpSpPr/>
          <p:nvPr/>
        </p:nvGrpSpPr>
        <p:grpSpPr>
          <a:xfrm>
            <a:off x="1515871" y="8627011"/>
            <a:ext cx="4049399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2AAD7AC7-3360-FCCC-2EB3-E3898C52917D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335F0F39-A466-A8BF-096E-3F7A93B6F4C4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 smtClean="0">
                  <a:solidFill>
                    <a:srgbClr val="000000"/>
                  </a:solidFill>
                  <a:effectLst/>
                  <a:latin typeface="ff0"/>
                </a:rPr>
                <a:t>SALAH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8EF9B811-2076-7562-7524-C04B62A8E5FF}"/>
              </a:ext>
            </a:extLst>
          </p:cNvPr>
          <p:cNvGrpSpPr/>
          <p:nvPr/>
        </p:nvGrpSpPr>
        <p:grpSpPr>
          <a:xfrm>
            <a:off x="1281207" y="6972763"/>
            <a:ext cx="4398058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6" action="ppaction://hlinksldjump"/>
              <a:extLst>
                <a:ext uri="{FF2B5EF4-FFF2-40B4-BE49-F238E27FC236}">
                  <a16:creationId xmlns="" xmlns:a16="http://schemas.microsoft.com/office/drawing/2014/main" id="{A58AA563-37BC-C80D-3557-E414004F74EF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E4448B5A-56D3-F2AA-8C81-93A305F78CB7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8" action="ppaction://hlinksldjump"/>
                <a:extLst>
                  <a:ext uri="{FF2B5EF4-FFF2-40B4-BE49-F238E27FC236}">
                    <a16:creationId xmlns="" xmlns:a16="http://schemas.microsoft.com/office/drawing/2014/main" id="{E2021759-B167-EF27-4F87-9770F55311EF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8" action="ppaction://hlinksldjump"/>
                <a:extLst>
                  <a:ext uri="{FF2B5EF4-FFF2-40B4-BE49-F238E27FC236}">
                    <a16:creationId xmlns="" xmlns:a16="http://schemas.microsoft.com/office/drawing/2014/main" id="{CEB4889E-CB4D-0776-2143-DC5CD3E0B840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 smtClean="0">
                    <a:solidFill>
                      <a:srgbClr val="010D30"/>
                    </a:solidFill>
                    <a:latin typeface="Karla" pitchFamily="2" charset="0"/>
                  </a:rPr>
                  <a:t>BENAR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5" action="ppaction://hlinksldjump"/>
            <a:extLst>
              <a:ext uri="{FF2B5EF4-FFF2-40B4-BE49-F238E27FC236}">
                <a16:creationId xmlns="" xmlns:a16="http://schemas.microsoft.com/office/drawing/2014/main" id="{2FBC3F1F-FFA4-1174-30C7-B91CB51587CD}"/>
              </a:ext>
            </a:extLst>
          </p:cNvPr>
          <p:cNvPicPr>
            <a:picLocks noChangeAspect="1"/>
          </p:cNvPicPr>
          <p:nvPr/>
        </p:nvPicPr>
        <p:blipFill rotWithShape="1"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1167881" y="8323637"/>
            <a:ext cx="1365519" cy="10521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19695754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1" name="Picture 170"/>
          <p:cNvPicPr/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62" t="559"/>
          <a:stretch/>
        </p:blipFill>
        <p:spPr>
          <a:xfrm>
            <a:off x="-120770" y="-69011"/>
            <a:ext cx="6883879" cy="12261011"/>
          </a:xfrm>
          <a:prstGeom prst="rect">
            <a:avLst/>
          </a:prstGeom>
        </p:spPr>
      </p:pic>
      <p:sp>
        <p:nvSpPr>
          <p:cNvPr id="174" name="Rectangle: Rounded Corners 158">
            <a:hlinkClick r:id="rId5" action="ppaction://hlinksldjump"/>
            <a:extLst>
              <a:ext uri="{FF2B5EF4-FFF2-40B4-BE49-F238E27FC236}">
                <a16:creationId xmlns="" xmlns:a16="http://schemas.microsoft.com/office/drawing/2014/main" id="{399CD940-BE12-416A-A335-9A52BA0F2EDB}"/>
              </a:ext>
            </a:extLst>
          </p:cNvPr>
          <p:cNvSpPr/>
          <p:nvPr/>
        </p:nvSpPr>
        <p:spPr>
          <a:xfrm>
            <a:off x="3758835" y="6159260"/>
            <a:ext cx="2404694" cy="1190446"/>
          </a:xfrm>
          <a:prstGeom prst="rect">
            <a:avLst/>
          </a:prstGeom>
          <a:noFill/>
          <a:ln>
            <a:noFill/>
          </a:ln>
          <a:effectLst>
            <a:outerShdw blurRad="1079500" sx="110000" sy="110000" algn="ctr" rotWithShape="0">
              <a:schemeClr val="accent2">
                <a:alpha val="55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28565"/>
            <a:endParaRPr lang="en-US" sz="700" dirty="0">
              <a:solidFill>
                <a:srgbClr val="FFFFFF"/>
              </a:solidFill>
              <a:latin typeface="Calibri"/>
            </a:endParaRPr>
          </a:p>
        </p:txBody>
      </p:sp>
      <p:sp>
        <p:nvSpPr>
          <p:cNvPr id="175" name="Rectangle: Rounded Corners 158">
            <a:hlinkClick r:id="rId6" action="ppaction://hlinksldjump"/>
            <a:extLst>
              <a:ext uri="{FF2B5EF4-FFF2-40B4-BE49-F238E27FC236}">
                <a16:creationId xmlns="" xmlns:a16="http://schemas.microsoft.com/office/drawing/2014/main" id="{399CD940-BE12-416A-A335-9A52BA0F2EDB}"/>
              </a:ext>
            </a:extLst>
          </p:cNvPr>
          <p:cNvSpPr/>
          <p:nvPr/>
        </p:nvSpPr>
        <p:spPr>
          <a:xfrm>
            <a:off x="498050" y="8022566"/>
            <a:ext cx="2404694" cy="1190446"/>
          </a:xfrm>
          <a:prstGeom prst="rect">
            <a:avLst/>
          </a:prstGeom>
          <a:noFill/>
          <a:ln>
            <a:noFill/>
          </a:ln>
          <a:effectLst>
            <a:outerShdw blurRad="1079500" sx="110000" sy="110000" algn="ctr" rotWithShape="0">
              <a:schemeClr val="accent2">
                <a:alpha val="55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28565"/>
            <a:endParaRPr lang="en-US" sz="700" dirty="0">
              <a:solidFill>
                <a:srgbClr val="FFFFFF"/>
              </a:solidFill>
              <a:latin typeface="Calibri"/>
            </a:endParaRPr>
          </a:p>
        </p:txBody>
      </p:sp>
      <p:sp>
        <p:nvSpPr>
          <p:cNvPr id="176" name="Rectangle: Rounded Corners 158">
            <a:hlinkClick r:id="rId7" action="ppaction://hlinksldjump"/>
            <a:extLst>
              <a:ext uri="{FF2B5EF4-FFF2-40B4-BE49-F238E27FC236}">
                <a16:creationId xmlns="" xmlns:a16="http://schemas.microsoft.com/office/drawing/2014/main" id="{399CD940-BE12-416A-A335-9A52BA0F2EDB}"/>
              </a:ext>
            </a:extLst>
          </p:cNvPr>
          <p:cNvSpPr/>
          <p:nvPr/>
        </p:nvSpPr>
        <p:spPr>
          <a:xfrm>
            <a:off x="3758835" y="9851366"/>
            <a:ext cx="2404694" cy="1190446"/>
          </a:xfrm>
          <a:prstGeom prst="rect">
            <a:avLst/>
          </a:prstGeom>
          <a:noFill/>
          <a:ln>
            <a:noFill/>
          </a:ln>
          <a:effectLst>
            <a:outerShdw blurRad="1079500" sx="110000" sy="110000" algn="ctr" rotWithShape="0">
              <a:schemeClr val="accent2">
                <a:alpha val="55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28565"/>
            <a:endParaRPr lang="en-US" sz="700" dirty="0">
              <a:solidFill>
                <a:srgbClr val="FFFFFF"/>
              </a:solidFill>
              <a:latin typeface="Calibri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894993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AA5F584F-73B3-137C-4224-2ED37986A5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3B898788-6C81-A5D7-B52F-1A25552467F4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0351092B-1BB0-5B50-2871-06758230E2C1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E9BA5218-EA90-173E-5454-442945C51407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E0AB4543-2E9E-23E4-CF84-2AFC7C9F33B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1CD50D4C-87D7-9452-1DDB-351F45BD5AC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41DF04EF-E442-469E-5F6B-E99723B875A1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41376168-62B6-103B-3605-5B47ED9D3433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9DF6BF3D-5189-DC0E-066B-047F41FDE2FC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C7C60A36-7529-BE17-23F5-C98E8D78C3BE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35EBDE67-AE13-1530-C2F6-8D149028A8E3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0051B020-C87C-4ED0-B722-BAE68AB478B6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EFF46FEB-B7F2-383C-851A-2AE29B192040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8DB757E1-91EE-FE74-0745-59B1D3B5130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B6A9BD07-B8FC-E71D-DB7E-F02D8C18B880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47612B7C-322B-9604-B132-693DB618E63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25DF65DD-CD85-2D69-9173-440485D02160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08F82CB0-CBEE-4FA5-24F9-BC0636B1FF30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AF590D2D-3015-826F-ADD0-5CDC9A145999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E12FD56E-9B62-D075-819D-86B57C47F9AD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AF1EE086-3BC4-3432-B0CC-CB19C84F419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C3C7AD79-3A22-9916-6E4E-417C27254C70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F1A90581-AF9F-87C1-F567-BAAB438C464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C359993E-0FFF-FD81-516E-0A050F4683B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78867F94-4E58-0A54-071A-9A546E0B6D0F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1E3196AB-EA44-D38A-589C-FD568B573D41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A0B55D18-B990-44E3-92AE-7413084EBD87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B5C541D1-4985-2EB8-1C89-8549DF850D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8F3C1761-5DB4-3A97-F37E-36BEB521EE4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D2CABE6C-8015-0041-4847-B8F3D63CEA4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1C291579-02E6-22CA-FF70-B6E481194BFA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47A7CC21-8F61-9070-BAE5-AEFF372182EA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42D54390-941F-2248-8CBC-9C3FB117CE56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00F6DFA8-7849-8F62-2657-1C913F63D85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B1CFDBEC-A857-1B00-CF76-CA0E9135620C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A5443487-2D41-58AE-6A99-B7E6FFA00A15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4063B7E9-CEFC-0D79-72AE-5B588A347723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6E687913-2BB5-3886-5219-9AB927A5929D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AF5D9496-4C2B-3209-F3A5-14DEE1E70E52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5D8FF0CD-B69F-B1B2-D5EB-320D2879B91C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15189C02-B3AE-D345-8663-39CFDEE1D53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8D910887-180B-970A-A87F-7082F13DDA0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5D344960-8320-FC37-E83F-A6FC949AFE1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F846F8E6-BB47-5754-E716-D68EAB737B04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CD3C34F9-C183-AE29-BF71-BFFB3F0CEEFE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6F3F1814-C291-E63C-1866-D327F6928AFA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28A291B7-C9E3-4BE2-57A2-95D75657BD6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B048A827-608A-BCC2-9797-BD47DA43DD57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DBC241F9-22FE-D373-A694-237E658A224E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12A75C53-4EB1-6C50-1A9E-27B4F1852DE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E6C5CF19-3853-52CB-C48E-D6158F6A825A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D12F9010-639D-B6AE-4E0F-6C1A6E013CFB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2A4F4E45-CF13-204A-5A82-79F371EBEC4D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8F35637E-C304-37ED-8152-85D4FAA2E6F8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200F2764-8701-9650-8BA0-651F597168C1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9166704D-9163-B7E3-F55F-2C637A12F11E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B517B20F-52E5-5A1A-9274-4C9E0D9C6DAB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B97F9308-3C4D-BDF7-6E14-E4B8A3F3FA54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F6E40895-8FD9-8805-FDEB-C498DB06DCF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39ADA46E-2CB5-4301-1363-B0DB6A512D0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18D880B3-DB0A-3C3C-9A90-3754B82FFDFA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90FAF342-2B1A-141B-0F4A-96B1665FD8E9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CFDE616E-D1F6-4BCA-C021-E25345E68374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57A25DDB-0F84-034E-4FD1-79D25359A00F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C30749C7-AED7-9512-435A-0151E8189605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A18A54D5-52B2-EAAC-75BB-947171A853E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4B22A5FB-539C-5AC0-E05F-D77E715935F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7FD1952E-D69D-98A5-98E5-B5E7E663A6C2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770199BA-DF9D-05FB-9825-3054014A0ADE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CD0B20C7-B85B-0FD4-0B34-7C4EED8BEC6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8009B7EC-DBDC-4C79-DB4B-EBB2D7CC5CF5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210CEA76-66F5-15F9-F016-DC2011426CD4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5C021F86-B86F-043F-FAE8-A816817DDC59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115E71BD-204B-5248-599E-2CA43D92CCB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52440372-6026-0BD1-4F7A-766E27C8B76C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BA64438F-CDD2-D786-72D5-D2AA42C74A3A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3235A4BC-25BB-1EDE-3BF1-54FC7D40603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D02B521E-D50C-692C-27DC-4B7AED3A300F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3B6C93E0-E557-06C2-A30F-B961F6CD4385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7781847A-30DC-46D8-4FEE-A31042F2AD48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7EE2B798-C584-7336-0768-87DCB2F5354B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71C4FED6-22A1-13DB-B824-59833713BF7F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96A56F8B-7F27-6F38-7EB5-461971370B24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7B24B5E1-B4A0-BFC4-644C-B0B262F2EEC7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037E386A-5A38-B71F-D85C-0B81B4C374F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B229EFAF-A2AD-7264-7999-F37F3A7A126E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176AFC82-9601-0778-500B-82FF2EB560E0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CD369DB3-1311-8311-89F1-39B682867893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B1747290-5095-0B62-CFCA-4CB097C3831A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61F62C1B-90B7-1520-C855-96D7B32DFFA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E4BD4B06-D623-7E33-6015-286034C13FCE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D8F6E0EE-68E4-228E-278A-C1D4E2BB0BF7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75176CBA-E543-F781-C9BE-48161EEC6611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EA5980B3-5D00-A453-6082-846C286AF589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39C1E864-733D-955D-5151-840B97394E5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0B386118-6B8B-E418-C1BE-819C767DE52F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0BFEA0E2-AB47-4671-D570-52081E38B2AC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3EBD7F6B-1B5A-6294-DD62-8D50B5FE195E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4E8C8E62-68EB-F85D-8AE9-71CF444DC914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C00BE17A-11B7-054A-0887-D06943DE293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CE7A1900-33C5-AC48-399A-DD6563D84D2E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EBCAEF21-4AE5-DCE9-EECC-8C8E653BD0AA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B565BAB8-FF10-76CF-35D7-825F08B0063D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E86D0162-36E5-0AB2-1A14-422FC70A5027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B7481CF3-9F8D-64FA-7656-4A4517050E40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21E88B79-4990-322E-401B-E3C40B56F50F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D9DA840A-C66F-D48A-3124-25AA07AF0164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D597DC07-11D9-FC21-5200-1187FB6CEB45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E8299BDC-EEFC-565E-D45B-757B96EFD702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027C2C27-FB2D-11D9-A1C6-016B7DB5B695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81932110-9929-3797-9393-37E7EEAAF088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58A535D8-49B2-8E83-5BA1-010C05AB8E2D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4018E93D-2B16-E521-49B9-49B250B98035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12AAFFC0-A084-938E-B4B9-2A7D24761640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B7EBA2F8-A492-49AD-4971-A9AAA5ADA9D4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380B9CC1-75B0-1078-599D-CCCAF0CE97EC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20F01FC6-C61D-A943-1D25-8EA438ED9C19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CDE11F39-5F4B-D0F0-402E-16F981D11314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6FF6A7B9-509B-2B4B-24D1-77A5EC582260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2C399F8C-9354-3A14-7B4D-F4725E4A877D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DE54E6A7-19B9-CD5C-E997-23B052A0F2D6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5A2714BC-0522-FC5A-D70E-4BEB57BAE067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6709C663-3167-38B6-00F2-E9744072F514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1EE33ADD-35E7-6020-6590-7E9AEAECDBA2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63D71B5A-0A8B-701B-483C-83AAEF1B394E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542429F-11E9-57F1-468B-5F15B79F64C6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3647F92A-52F7-1B90-C7AB-E106DE272A44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DC8A72C5-283C-1DBF-45BD-2ED68C97F86A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5B1C3403-EE99-BDAA-C6D4-25EF19B3F548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833D6672-5A75-CFA3-6477-874053253DEE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32CEE787-6AF1-6287-C6E9-298751F67031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83C1D7E6-9E29-D881-61F7-CFDB282F9481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BBAA307D-90AC-2701-D5F8-551B07314843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E15AACF5-D425-6D76-A4F8-6DC8A97D8AF6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3ED17635-56BD-C1CB-1E93-A209234DD445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57ECD32B-EAEB-6AF0-7886-ED731CCFB140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AB57B50C-B896-6A0A-797F-808724854FE5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16E0F31E-750B-166C-FAEB-096413802466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3BD93BFB-B06C-508B-5176-2A5473FE801B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12CFDE46-EEB0-9CCD-794F-265BB3CF05BB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C7954E64-D3DB-1C9F-08C0-12EFE93FDFB4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2FD64EF6-883D-7A63-A159-574FC018D207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50C9018B-CD76-01C3-46F1-7D22506B6297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1B30BDC8-2E35-8F9D-05BF-BC96E939073E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5AC68C2E-9A86-AA6B-851B-AFCE0AA257EC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A12ADD9E-B943-54D7-14C6-093D9194E069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75CCA9D6-0448-96CF-1B21-08511104E2F9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1EBBB5C9-ADB6-7250-764C-6E8065A8FDA0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7C4D2B60-4B9C-0C76-7243-CD43546B887A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7B3DC909-6D18-FA52-A2FB-FB61E62369BD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B3A095F9-CDE5-3ABD-6562-4D562E9A2E5C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CD47B6F3-548E-9FBA-45AB-A15E37A28FCA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B01BF5D4-CA22-8AFE-DEC3-E281E0F2F606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05FEC505-2059-60CD-D050-29AA538F9F1F}"/>
                </a:ext>
              </a:extLst>
            </p:cNvPr>
            <p:cNvSpPr txBox="1"/>
            <p:nvPr/>
          </p:nvSpPr>
          <p:spPr>
            <a:xfrm>
              <a:off x="16041873" y="9481269"/>
              <a:ext cx="381335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755FD98E-5B3B-DF57-F22F-6BD557EDD967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10275F74-7E3D-4ACB-0941-E6F9247664E9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88D62AEA-9E03-43DF-26C2-2FE4009B1985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6F22884C-3E2C-1C9A-863C-47AFB1F8A139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ctr">
              <a:defRPr/>
            </a:pPr>
            <a:r>
              <a:rPr lang="en-ID" sz="2800" dirty="0"/>
              <a:t>Budi </a:t>
            </a:r>
            <a:r>
              <a:rPr lang="en-ID" sz="2800" dirty="0" err="1" smtClean="0"/>
              <a:t>lulusan</a:t>
            </a:r>
            <a:r>
              <a:rPr lang="en-ID" sz="2800" dirty="0" smtClean="0"/>
              <a:t> </a:t>
            </a:r>
            <a:r>
              <a:rPr lang="en-ID" sz="2800" dirty="0"/>
              <a:t>SMK yang </a:t>
            </a:r>
            <a:r>
              <a:rPr lang="en-ID" sz="2800" dirty="0" err="1"/>
              <a:t>bekerja</a:t>
            </a:r>
            <a:r>
              <a:rPr lang="en-ID" sz="2800" dirty="0"/>
              <a:t> di PT ABC </a:t>
            </a:r>
            <a:r>
              <a:rPr lang="en-ID" sz="2800" dirty="0" err="1"/>
              <a:t>mulai</a:t>
            </a:r>
            <a:r>
              <a:rPr lang="en-ID" sz="2800" dirty="0"/>
              <a:t> 1 </a:t>
            </a:r>
            <a:r>
              <a:rPr lang="en-ID" sz="2800" dirty="0" smtClean="0"/>
              <a:t>Feb 2016</a:t>
            </a:r>
            <a:r>
              <a:rPr lang="en-ID" sz="2800" dirty="0"/>
              <a:t>.</a:t>
            </a:r>
          </a:p>
          <a:p>
            <a:pPr lvl="0" algn="ctr">
              <a:defRPr/>
            </a:pPr>
            <a:r>
              <a:rPr lang="en-ID" sz="2800" dirty="0" err="1" smtClean="0"/>
              <a:t>Gaji</a:t>
            </a:r>
            <a:r>
              <a:rPr lang="en-ID" sz="2800" dirty="0" smtClean="0"/>
              <a:t> </a:t>
            </a:r>
            <a:r>
              <a:rPr lang="en-ID" sz="2800" dirty="0" err="1" smtClean="0"/>
              <a:t>perbulan</a:t>
            </a:r>
            <a:r>
              <a:rPr lang="en-ID" sz="2800" dirty="0" smtClean="0"/>
              <a:t> </a:t>
            </a:r>
            <a:r>
              <a:rPr lang="en-ID" sz="2800" dirty="0" err="1"/>
              <a:t>sebesar</a:t>
            </a:r>
            <a:r>
              <a:rPr lang="en-ID" sz="2800" dirty="0"/>
              <a:t> Rp2.500.000,00. </a:t>
            </a:r>
            <a:r>
              <a:rPr lang="en-ID" sz="2800" dirty="0" err="1" smtClean="0"/>
              <a:t>Untuk</a:t>
            </a:r>
            <a:r>
              <a:rPr lang="en-ID" sz="2800" dirty="0" smtClean="0"/>
              <a:t> </a:t>
            </a:r>
            <a:r>
              <a:rPr lang="en-ID" sz="2800" dirty="0" err="1" smtClean="0"/>
              <a:t>itu</a:t>
            </a:r>
            <a:r>
              <a:rPr lang="en-ID" sz="2800" dirty="0" smtClean="0"/>
              <a:t> Budi </a:t>
            </a:r>
            <a:r>
              <a:rPr lang="en-ID" sz="2800" dirty="0" err="1" smtClean="0"/>
              <a:t>tidak</a:t>
            </a:r>
            <a:r>
              <a:rPr lang="en-ID" sz="2800" dirty="0" smtClean="0"/>
              <a:t> </a:t>
            </a:r>
            <a:r>
              <a:rPr lang="en-ID" sz="2800" dirty="0" err="1" smtClean="0"/>
              <a:t>wajib</a:t>
            </a:r>
            <a:r>
              <a:rPr lang="en-ID" sz="2800" dirty="0" smtClean="0"/>
              <a:t> </a:t>
            </a:r>
            <a:r>
              <a:rPr lang="en-ID" sz="2800" dirty="0" err="1" smtClean="0"/>
              <a:t>memiliki</a:t>
            </a:r>
            <a:r>
              <a:rPr lang="en-ID" sz="2800" dirty="0" smtClean="0"/>
              <a:t> NPWP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5204F920-C216-961C-05B1-921523A0CE9C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9DC06AD4-2968-986D-DD6D-5CEC770CE31D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9B047BE7-0683-F56C-7707-2822CDD202C5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3</a:t>
              </a:r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="" xmlns:a16="http://schemas.microsoft.com/office/drawing/2014/main" id="{8EB4A63B-A3AE-1E90-791C-23963447E139}"/>
              </a:ext>
            </a:extLst>
          </p:cNvPr>
          <p:cNvGrpSpPr/>
          <p:nvPr/>
        </p:nvGrpSpPr>
        <p:grpSpPr>
          <a:xfrm>
            <a:off x="1328291" y="6814893"/>
            <a:ext cx="4049399" cy="1067516"/>
            <a:chOff x="1086749" y="6814893"/>
            <a:chExt cx="5494848" cy="1067516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2AAD7AC7-3360-FCCC-2EB3-E3898C52917D}"/>
                </a:ext>
              </a:extLst>
            </p:cNvPr>
            <p:cNvSpPr/>
            <p:nvPr/>
          </p:nvSpPr>
          <p:spPr>
            <a:xfrm>
              <a:off x="1086749" y="6814893"/>
              <a:ext cx="5494848" cy="1067516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377" name="TextBox 376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335F0F39-A466-A8BF-096E-3F7A93B6F4C4}"/>
                </a:ext>
              </a:extLst>
            </p:cNvPr>
            <p:cNvSpPr txBox="1"/>
            <p:nvPr/>
          </p:nvSpPr>
          <p:spPr>
            <a:xfrm>
              <a:off x="2300117" y="6955850"/>
              <a:ext cx="426183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lang="en-ID" sz="2400" b="1" i="0" dirty="0" smtClean="0">
                  <a:solidFill>
                    <a:srgbClr val="000000"/>
                  </a:solidFill>
                  <a:effectLst/>
                  <a:latin typeface="ff0"/>
                </a:rPr>
                <a:t>SALAH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13" name="Group 12">
            <a:extLst>
              <a:ext uri="{FF2B5EF4-FFF2-40B4-BE49-F238E27FC236}">
                <a16:creationId xmlns="" xmlns:a16="http://schemas.microsoft.com/office/drawing/2014/main" id="{8EF9B811-2076-7562-7524-C04B62A8E5FF}"/>
              </a:ext>
            </a:extLst>
          </p:cNvPr>
          <p:cNvGrpSpPr/>
          <p:nvPr/>
        </p:nvGrpSpPr>
        <p:grpSpPr>
          <a:xfrm>
            <a:off x="1006431" y="5091003"/>
            <a:ext cx="4398058" cy="1277718"/>
            <a:chOff x="1006430" y="5091003"/>
            <a:chExt cx="5589589" cy="1277718"/>
          </a:xfrm>
        </p:grpSpPr>
        <p:pic>
          <p:nvPicPr>
            <p:cNvPr id="363" name="Picture 362">
              <a:hlinkClick r:id="rId15" action="ppaction://hlinksldjump"/>
              <a:extLst>
                <a:ext uri="{FF2B5EF4-FFF2-40B4-BE49-F238E27FC236}">
                  <a16:creationId xmlns="" xmlns:a16="http://schemas.microsoft.com/office/drawing/2014/main" id="{A58AA563-37BC-C80D-3557-E414004F74EF}"/>
                </a:ext>
              </a:extLst>
            </p:cNvPr>
            <p:cNvPicPr>
              <a:picLocks noChangeAspect="1"/>
            </p:cNvPicPr>
            <p:nvPr/>
          </p:nvPicPr>
          <p:blipFill>
            <a:blip r:embed="rId1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30" y="5091003"/>
              <a:ext cx="1178006" cy="927237"/>
            </a:xfrm>
            <a:prstGeom prst="rect">
              <a:avLst/>
            </a:prstGeom>
          </p:spPr>
        </p:pic>
        <p:grpSp>
          <p:nvGrpSpPr>
            <p:cNvPr id="12" name="Group 11">
              <a:extLst>
                <a:ext uri="{FF2B5EF4-FFF2-40B4-BE49-F238E27FC236}">
                  <a16:creationId xmlns="" xmlns:a16="http://schemas.microsoft.com/office/drawing/2014/main" id="{E4448B5A-56D3-F2AA-8C81-93A305F78CB7}"/>
                </a:ext>
              </a:extLst>
            </p:cNvPr>
            <p:cNvGrpSpPr/>
            <p:nvPr/>
          </p:nvGrpSpPr>
          <p:grpSpPr>
            <a:xfrm>
              <a:off x="1220415" y="5144280"/>
              <a:ext cx="5375604" cy="1224441"/>
              <a:chOff x="892141" y="6708713"/>
              <a:chExt cx="5375604" cy="1224441"/>
            </a:xfrm>
          </p:grpSpPr>
          <p:sp>
            <p:nvSpPr>
              <p:cNvPr id="383" name="Rectangle: Rounded Corners 382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E2021759-B167-EF27-4F87-9770F55311EF}"/>
                  </a:ext>
                </a:extLst>
              </p:cNvPr>
              <p:cNvSpPr/>
              <p:nvPr/>
            </p:nvSpPr>
            <p:spPr>
              <a:xfrm>
                <a:off x="892141" y="6708713"/>
                <a:ext cx="5375604" cy="1224441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5" action="ppaction://hlinksldjump"/>
                <a:extLst>
                  <a:ext uri="{FF2B5EF4-FFF2-40B4-BE49-F238E27FC236}">
                    <a16:creationId xmlns="" xmlns:a16="http://schemas.microsoft.com/office/drawing/2014/main" id="{CEB4889E-CB4D-0776-2143-DC5CD3E0B840}"/>
                  </a:ext>
                </a:extLst>
              </p:cNvPr>
              <p:cNvSpPr txBox="1"/>
              <p:nvPr/>
            </p:nvSpPr>
            <p:spPr>
              <a:xfrm>
                <a:off x="2017546" y="6780123"/>
                <a:ext cx="376825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lang="en-US" sz="2400" b="1" dirty="0" smtClean="0">
                    <a:solidFill>
                      <a:srgbClr val="010D30"/>
                    </a:solidFill>
                    <a:latin typeface="Karla" pitchFamily="2" charset="0"/>
                  </a:rPr>
                  <a:t>BENAR</a:t>
                </a:r>
                <a:endParaRPr kumimoji="0" lang="en-US" sz="2400" b="1" i="0" u="none" strike="noStrike" kern="1200" cap="none" spc="0" normalizeH="0" baseline="0" noProof="0" dirty="0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endParaRPr>
              </a:p>
            </p:txBody>
          </p:sp>
        </p:grpSp>
      </p:grpSp>
      <p:pic>
        <p:nvPicPr>
          <p:cNvPr id="367" name="Picture 366">
            <a:hlinkClick r:id="rId14" action="ppaction://hlinksldjump"/>
            <a:extLst>
              <a:ext uri="{FF2B5EF4-FFF2-40B4-BE49-F238E27FC236}">
                <a16:creationId xmlns="" xmlns:a16="http://schemas.microsoft.com/office/drawing/2014/main" id="{2FBC3F1F-FFA4-1174-30C7-B91CB51587CD}"/>
              </a:ext>
            </a:extLst>
          </p:cNvPr>
          <p:cNvPicPr>
            <a:picLocks noChangeAspect="1"/>
          </p:cNvPicPr>
          <p:nvPr/>
        </p:nvPicPr>
        <p:blipFill rotWithShape="1"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32" t="24807" r="61093" b="36464"/>
          <a:stretch/>
        </p:blipFill>
        <p:spPr>
          <a:xfrm>
            <a:off x="980301" y="6511519"/>
            <a:ext cx="1365519" cy="1052158"/>
          </a:xfrm>
          <a:prstGeom prst="rect">
            <a:avLst/>
          </a:prstGeom>
        </p:spPr>
      </p:pic>
      <p:sp>
        <p:nvSpPr>
          <p:cNvPr id="209" name="Rectangle 208">
            <a:extLst>
              <a:ext uri="{FF2B5EF4-FFF2-40B4-BE49-F238E27FC236}">
                <a16:creationId xmlns="" xmlns:a16="http://schemas.microsoft.com/office/drawing/2014/main" id="{85A94CE9-68D3-44DF-2820-6BB1E90DEA6B}"/>
              </a:ext>
            </a:extLst>
          </p:cNvPr>
          <p:cNvSpPr/>
          <p:nvPr/>
        </p:nvSpPr>
        <p:spPr>
          <a:xfrm>
            <a:off x="0" y="0"/>
            <a:ext cx="6858000" cy="11975137"/>
          </a:xfrm>
          <a:prstGeom prst="rect">
            <a:avLst/>
          </a:prstGeom>
          <a:solidFill>
            <a:srgbClr val="010D30">
              <a:alpha val="72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216" name="Group 215">
            <a:extLst>
              <a:ext uri="{FF2B5EF4-FFF2-40B4-BE49-F238E27FC236}">
                <a16:creationId xmlns="" xmlns:a16="http://schemas.microsoft.com/office/drawing/2014/main" id="{9530B005-8342-FDED-24D2-8C0ED8BCB853}"/>
              </a:ext>
            </a:extLst>
          </p:cNvPr>
          <p:cNvGrpSpPr/>
          <p:nvPr/>
        </p:nvGrpSpPr>
        <p:grpSpPr>
          <a:xfrm>
            <a:off x="1502896" y="6086495"/>
            <a:ext cx="3323424" cy="2004698"/>
            <a:chOff x="1502896" y="6086495"/>
            <a:chExt cx="3323424" cy="2004698"/>
          </a:xfrm>
        </p:grpSpPr>
        <p:sp>
          <p:nvSpPr>
            <p:cNvPr id="217" name="Rectangle: Rounded Corners 4">
              <a:extLst>
                <a:ext uri="{FF2B5EF4-FFF2-40B4-BE49-F238E27FC236}">
                  <a16:creationId xmlns="" xmlns:a16="http://schemas.microsoft.com/office/drawing/2014/main" id="{44747A90-422E-DC57-009F-F6B7BD34189C}"/>
                </a:ext>
              </a:extLst>
            </p:cNvPr>
            <p:cNvSpPr/>
            <p:nvPr/>
          </p:nvSpPr>
          <p:spPr>
            <a:xfrm>
              <a:off x="1502896" y="6086495"/>
              <a:ext cx="3323424" cy="2004698"/>
            </a:xfrm>
            <a:prstGeom prst="roundRect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/>
            </a:p>
          </p:txBody>
        </p:sp>
        <p:sp>
          <p:nvSpPr>
            <p:cNvPr id="218" name="TextBox 217">
              <a:extLst>
                <a:ext uri="{FF2B5EF4-FFF2-40B4-BE49-F238E27FC236}">
                  <a16:creationId xmlns="" xmlns:a16="http://schemas.microsoft.com/office/drawing/2014/main" id="{8D9CE729-ECD8-4A3D-38B4-8ED2FFB1E9B8}"/>
                </a:ext>
              </a:extLst>
            </p:cNvPr>
            <p:cNvSpPr txBox="1"/>
            <p:nvPr/>
          </p:nvSpPr>
          <p:spPr>
            <a:xfrm>
              <a:off x="1896956" y="6297928"/>
              <a:ext cx="1478290" cy="646331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3600" dirty="0">
                  <a:solidFill>
                    <a:schemeClr val="bg1"/>
                  </a:solidFill>
                </a:rPr>
                <a:t>BENAR</a:t>
              </a:r>
              <a:endParaRPr lang="en-ID" sz="3600" dirty="0">
                <a:solidFill>
                  <a:schemeClr val="bg1"/>
                </a:solidFill>
              </a:endParaRPr>
            </a:p>
          </p:txBody>
        </p:sp>
        <p:sp>
          <p:nvSpPr>
            <p:cNvPr id="219" name="Rectangle: Rounded Corners 6">
              <a:hlinkClick r:id="rId11" action="ppaction://hlinksldjump"/>
              <a:extLst>
                <a:ext uri="{FF2B5EF4-FFF2-40B4-BE49-F238E27FC236}">
                  <a16:creationId xmlns="" xmlns:a16="http://schemas.microsoft.com/office/drawing/2014/main" id="{F6789628-62A2-92C1-4408-B5D28E2854C7}"/>
                </a:ext>
              </a:extLst>
            </p:cNvPr>
            <p:cNvSpPr/>
            <p:nvPr/>
          </p:nvSpPr>
          <p:spPr>
            <a:xfrm>
              <a:off x="2024895" y="7129956"/>
              <a:ext cx="2561716" cy="538995"/>
            </a:xfrm>
            <a:prstGeom prst="roundRect">
              <a:avLst/>
            </a:prstGeom>
            <a:solidFill>
              <a:srgbClr val="7030A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400" dirty="0">
                  <a:hlinkClick r:id="rId11" action="ppaction://hlinksldjump"/>
                </a:rPr>
                <a:t>SELANJUTNYA</a:t>
              </a:r>
              <a:endParaRPr lang="en-ID" sz="2400" dirty="0"/>
            </a:p>
          </p:txBody>
        </p:sp>
        <p:pic>
          <p:nvPicPr>
            <p:cNvPr id="220" name="Graphic 7" descr="Checkmark with solid fill">
              <a:extLst>
                <a:ext uri="{FF2B5EF4-FFF2-40B4-BE49-F238E27FC236}">
                  <a16:creationId xmlns="" xmlns:a16="http://schemas.microsoft.com/office/drawing/2014/main" id="{539F6668-7C1D-A901-AC23-23B4C9400AA9}"/>
                </a:ext>
              </a:extLst>
            </p:cNvPr>
            <p:cNvPicPr>
              <a:picLocks noChangeAspect="1"/>
            </p:cNvPicPr>
            <p:nvPr/>
          </p:nvPicPr>
          <p:blipFill>
            <a:blip r:embed="rId18" cstate="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="" xmlns:asvg="http://schemas.microsoft.com/office/drawing/2016/SVG/main" r:embed="rId19"/>
                </a:ext>
              </a:extLst>
            </a:blip>
            <a:stretch>
              <a:fillRect/>
            </a:stretch>
          </p:blipFill>
          <p:spPr>
            <a:xfrm>
              <a:off x="3501661" y="6151026"/>
              <a:ext cx="914400" cy="91440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166232780"/>
      </p:ext>
    </p:extLst>
  </p:cSld>
  <p:clrMapOvr>
    <a:masterClrMapping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6858000" cy="12192000"/>
          </a:xfrm>
          <a:prstGeom prst="rect">
            <a:avLst/>
          </a:prstGeom>
        </p:spPr>
      </p:pic>
      <p:sp>
        <p:nvSpPr>
          <p:cNvPr id="8" name="Rectangle: Rounded Corners 158">
            <a:hlinkClick r:id="rId5" action="ppaction://hlinksldjump"/>
            <a:extLst>
              <a:ext uri="{FF2B5EF4-FFF2-40B4-BE49-F238E27FC236}">
                <a16:creationId xmlns="" xmlns:a16="http://schemas.microsoft.com/office/drawing/2014/main" id="{399CD940-BE12-416A-A335-9A52BA0F2EDB}"/>
              </a:ext>
            </a:extLst>
          </p:cNvPr>
          <p:cNvSpPr/>
          <p:nvPr/>
        </p:nvSpPr>
        <p:spPr>
          <a:xfrm>
            <a:off x="614551" y="3260785"/>
            <a:ext cx="2404694" cy="2794958"/>
          </a:xfrm>
          <a:prstGeom prst="rect">
            <a:avLst/>
          </a:prstGeom>
          <a:noFill/>
          <a:ln>
            <a:noFill/>
          </a:ln>
          <a:effectLst>
            <a:outerShdw blurRad="1079500" sx="110000" sy="110000" algn="ctr" rotWithShape="0">
              <a:schemeClr val="accent2">
                <a:alpha val="55000"/>
              </a:scheme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128565"/>
            <a:endParaRPr lang="en-US" sz="700" dirty="0">
              <a:solidFill>
                <a:srgbClr val="FFFFFF"/>
              </a:solidFill>
              <a:latin typeface="Calibri"/>
            </a:endParaRPr>
          </a:p>
        </p:txBody>
      </p:sp>
      <p:pic>
        <p:nvPicPr>
          <p:cNvPr id="11" name="Graphic 170" descr="Home">
            <a:hlinkClick r:id="rId6" action="ppaction://hlinksldjump"/>
            <a:extLst>
              <a:ext uri="{FF2B5EF4-FFF2-40B4-BE49-F238E27FC236}">
                <a16:creationId xmlns="" xmlns:a16="http://schemas.microsoft.com/office/drawing/2014/main" id="{027AA1F8-C51F-49C4-B61D-E8BFBC812F1B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5924145" y="77820"/>
            <a:ext cx="719847" cy="719847"/>
          </a:xfrm>
          <a:prstGeom prst="rect">
            <a:avLst/>
          </a:prstGeom>
        </p:spPr>
      </p:pic>
      <p:pic>
        <p:nvPicPr>
          <p:cNvPr id="12" name="Graphic 106" descr="Arrow Horizontal U turn">
            <a:hlinkClick r:id="rId10" action="ppaction://hlinksldjump"/>
            <a:extLst>
              <a:ext uri="{FF2B5EF4-FFF2-40B4-BE49-F238E27FC236}">
                <a16:creationId xmlns="" xmlns:a16="http://schemas.microsoft.com/office/drawing/2014/main" id="{0B41A289-5E89-4AA5-894A-11846B77CB7C}"/>
              </a:ext>
            </a:extLst>
          </p:cNvPr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1190865" y="175100"/>
            <a:ext cx="700390" cy="70039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521751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9" name="Picture 168"/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-155275"/>
            <a:ext cx="6858000" cy="12347275"/>
          </a:xfrm>
          <a:prstGeom prst="rect">
            <a:avLst/>
          </a:prstGeom>
        </p:spPr>
      </p:pic>
      <p:pic>
        <p:nvPicPr>
          <p:cNvPr id="3" name="Graphic 170" descr="Home">
            <a:hlinkClick r:id="rId5" action="ppaction://hlinksldjump"/>
            <a:extLst>
              <a:ext uri="{FF2B5EF4-FFF2-40B4-BE49-F238E27FC236}">
                <a16:creationId xmlns="" xmlns:a16="http://schemas.microsoft.com/office/drawing/2014/main" id="{027AA1F8-C51F-49C4-B61D-E8BFBC812F1B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5924145" y="77820"/>
            <a:ext cx="719847" cy="719847"/>
          </a:xfrm>
          <a:prstGeom prst="rect">
            <a:avLst/>
          </a:prstGeom>
        </p:spPr>
      </p:pic>
      <p:pic>
        <p:nvPicPr>
          <p:cNvPr id="4" name="Graphic 106" descr="Arrow Horizontal U turn">
            <a:hlinkClick r:id="rId10" action="ppaction://hlinksldjump"/>
            <a:extLst>
              <a:ext uri="{FF2B5EF4-FFF2-40B4-BE49-F238E27FC236}">
                <a16:creationId xmlns="" xmlns:a16="http://schemas.microsoft.com/office/drawing/2014/main" id="{0B41A289-5E89-4AA5-894A-11846B77CB7C}"/>
              </a:ext>
            </a:extLst>
          </p:cNvPr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1190865" y="175100"/>
            <a:ext cx="700390" cy="70039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163188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>
            <a:extLst>
              <a:ext uri="{FF2B5EF4-FFF2-40B4-BE49-F238E27FC236}">
                <a16:creationId xmlns="" xmlns:a16="http://schemas.microsoft.com/office/drawing/2014/main" id="{BE3D1483-F178-4227-96D2-C5BFC15184F8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5" name="Group 4">
              <a:extLst>
                <a:ext uri="{FF2B5EF4-FFF2-40B4-BE49-F238E27FC236}">
                  <a16:creationId xmlns="" xmlns:a16="http://schemas.microsoft.com/office/drawing/2014/main" id="{ABC54933-8B8B-4940-89A1-CB66FD7E6EA3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74" name="Freeform: Shape 73">
                <a:extLst>
                  <a:ext uri="{FF2B5EF4-FFF2-40B4-BE49-F238E27FC236}">
                    <a16:creationId xmlns="" xmlns:a16="http://schemas.microsoft.com/office/drawing/2014/main" id="{76E8D545-54C0-4AEB-BF85-7634ECADED2B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5" name="Freeform: Shape 74">
                <a:extLst>
                  <a:ext uri="{FF2B5EF4-FFF2-40B4-BE49-F238E27FC236}">
                    <a16:creationId xmlns="" xmlns:a16="http://schemas.microsoft.com/office/drawing/2014/main" id="{36AF3396-096B-4759-8E8E-0A3DCB110A0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6" name="Freeform: Shape 75">
                <a:extLst>
                  <a:ext uri="{FF2B5EF4-FFF2-40B4-BE49-F238E27FC236}">
                    <a16:creationId xmlns="" xmlns:a16="http://schemas.microsoft.com/office/drawing/2014/main" id="{10D2573C-A4F2-455D-B159-78CFBB69463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7" name="Freeform: Shape 76">
                <a:extLst>
                  <a:ext uri="{FF2B5EF4-FFF2-40B4-BE49-F238E27FC236}">
                    <a16:creationId xmlns="" xmlns:a16="http://schemas.microsoft.com/office/drawing/2014/main" id="{4B02A2FF-85DA-4811-8510-90B65E87BA90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8" name="Freeform: Shape 77">
                <a:extLst>
                  <a:ext uri="{FF2B5EF4-FFF2-40B4-BE49-F238E27FC236}">
                    <a16:creationId xmlns="" xmlns:a16="http://schemas.microsoft.com/office/drawing/2014/main" id="{D4062509-D884-46F8-8EAF-EB8228AD359B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9" name="Freeform: Shape 78">
                <a:extLst>
                  <a:ext uri="{FF2B5EF4-FFF2-40B4-BE49-F238E27FC236}">
                    <a16:creationId xmlns="" xmlns:a16="http://schemas.microsoft.com/office/drawing/2014/main" id="{8D7FFDF5-AA94-4B44-A4ED-58E19CC044B6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0" name="Freeform: Shape 79">
                <a:extLst>
                  <a:ext uri="{FF2B5EF4-FFF2-40B4-BE49-F238E27FC236}">
                    <a16:creationId xmlns="" xmlns:a16="http://schemas.microsoft.com/office/drawing/2014/main" id="{285E1910-E224-40DC-B11E-3E89DCA77401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1" name="Freeform: Shape 80">
                <a:extLst>
                  <a:ext uri="{FF2B5EF4-FFF2-40B4-BE49-F238E27FC236}">
                    <a16:creationId xmlns="" xmlns:a16="http://schemas.microsoft.com/office/drawing/2014/main" id="{494B9A06-7E9D-4850-93B7-64DE529C2A2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2" name="Freeform: Shape 81">
                <a:extLst>
                  <a:ext uri="{FF2B5EF4-FFF2-40B4-BE49-F238E27FC236}">
                    <a16:creationId xmlns="" xmlns:a16="http://schemas.microsoft.com/office/drawing/2014/main" id="{81ADE2C5-C7C3-4B36-AD00-C0A785A96C9F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3" name="Freeform: Shape 82">
                <a:extLst>
                  <a:ext uri="{FF2B5EF4-FFF2-40B4-BE49-F238E27FC236}">
                    <a16:creationId xmlns="" xmlns:a16="http://schemas.microsoft.com/office/drawing/2014/main" id="{44A5AC6C-3A8D-4A2B-A29A-AC68BAAB5307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4" name="Freeform: Shape 83">
                <a:extLst>
                  <a:ext uri="{FF2B5EF4-FFF2-40B4-BE49-F238E27FC236}">
                    <a16:creationId xmlns="" xmlns:a16="http://schemas.microsoft.com/office/drawing/2014/main" id="{591FDC27-AB6F-42B1-9947-47F9AAE692C0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5" name="Freeform: Shape 84">
                <a:extLst>
                  <a:ext uri="{FF2B5EF4-FFF2-40B4-BE49-F238E27FC236}">
                    <a16:creationId xmlns="" xmlns:a16="http://schemas.microsoft.com/office/drawing/2014/main" id="{4E3A41FA-B814-42D7-948A-520D46BD20C7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6" name="Freeform: Shape 85">
                <a:extLst>
                  <a:ext uri="{FF2B5EF4-FFF2-40B4-BE49-F238E27FC236}">
                    <a16:creationId xmlns="" xmlns:a16="http://schemas.microsoft.com/office/drawing/2014/main" id="{3D8CDD91-4B7C-41EA-9A5F-7095EDFF4355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7" name="Freeform: Shape 86">
                <a:extLst>
                  <a:ext uri="{FF2B5EF4-FFF2-40B4-BE49-F238E27FC236}">
                    <a16:creationId xmlns="" xmlns:a16="http://schemas.microsoft.com/office/drawing/2014/main" id="{B07D9DA4-7B65-407C-80E5-8C12D8DC642B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8" name="Freeform: Shape 87">
                <a:extLst>
                  <a:ext uri="{FF2B5EF4-FFF2-40B4-BE49-F238E27FC236}">
                    <a16:creationId xmlns="" xmlns:a16="http://schemas.microsoft.com/office/drawing/2014/main" id="{35ED2325-F4E2-4EE0-932B-55604C78426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9" name="Freeform: Shape 88">
                <a:extLst>
                  <a:ext uri="{FF2B5EF4-FFF2-40B4-BE49-F238E27FC236}">
                    <a16:creationId xmlns="" xmlns:a16="http://schemas.microsoft.com/office/drawing/2014/main" id="{F04D6F7B-4913-4946-9D84-910C1A306455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0" name="Freeform: Shape 89">
                <a:extLst>
                  <a:ext uri="{FF2B5EF4-FFF2-40B4-BE49-F238E27FC236}">
                    <a16:creationId xmlns="" xmlns:a16="http://schemas.microsoft.com/office/drawing/2014/main" id="{E3EBAE8F-54EA-4966-99DB-91AA23C99BEB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1" name="Freeform: Shape 90">
                <a:extLst>
                  <a:ext uri="{FF2B5EF4-FFF2-40B4-BE49-F238E27FC236}">
                    <a16:creationId xmlns="" xmlns:a16="http://schemas.microsoft.com/office/drawing/2014/main" id="{96F958CD-2D62-4B8C-8A4B-3BA8A68C816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2" name="Freeform: Shape 91">
                <a:extLst>
                  <a:ext uri="{FF2B5EF4-FFF2-40B4-BE49-F238E27FC236}">
                    <a16:creationId xmlns="" xmlns:a16="http://schemas.microsoft.com/office/drawing/2014/main" id="{FF2A0956-D5F2-474D-9834-29061349DC21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3" name="Freeform: Shape 92">
                <a:extLst>
                  <a:ext uri="{FF2B5EF4-FFF2-40B4-BE49-F238E27FC236}">
                    <a16:creationId xmlns="" xmlns:a16="http://schemas.microsoft.com/office/drawing/2014/main" id="{A2557277-93E4-4C98-8EC2-4614D447CEDA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4" name="Freeform: Shape 93">
                <a:extLst>
                  <a:ext uri="{FF2B5EF4-FFF2-40B4-BE49-F238E27FC236}">
                    <a16:creationId xmlns="" xmlns:a16="http://schemas.microsoft.com/office/drawing/2014/main" id="{C256A59D-069B-4987-A7F6-46040DEF8E41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5" name="Freeform: Shape 94">
                <a:extLst>
                  <a:ext uri="{FF2B5EF4-FFF2-40B4-BE49-F238E27FC236}">
                    <a16:creationId xmlns="" xmlns:a16="http://schemas.microsoft.com/office/drawing/2014/main" id="{FB6F66DE-C44B-4591-BE5B-B0A74706E47A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6" name="Freeform: Shape 95">
                <a:extLst>
                  <a:ext uri="{FF2B5EF4-FFF2-40B4-BE49-F238E27FC236}">
                    <a16:creationId xmlns="" xmlns:a16="http://schemas.microsoft.com/office/drawing/2014/main" id="{F0369D1C-B15C-4BFA-BECD-E3C7A00D17AB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7" name="Freeform: Shape 96">
                <a:extLst>
                  <a:ext uri="{FF2B5EF4-FFF2-40B4-BE49-F238E27FC236}">
                    <a16:creationId xmlns="" xmlns:a16="http://schemas.microsoft.com/office/drawing/2014/main" id="{132F8776-F6F0-4836-98C5-5F3C6E45D1E6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8" name="Freeform: Shape 97">
                <a:extLst>
                  <a:ext uri="{FF2B5EF4-FFF2-40B4-BE49-F238E27FC236}">
                    <a16:creationId xmlns="" xmlns:a16="http://schemas.microsoft.com/office/drawing/2014/main" id="{5ADE6FD2-1A88-40B4-82A5-D613C54147FD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9" name="Freeform: Shape 98">
                <a:extLst>
                  <a:ext uri="{FF2B5EF4-FFF2-40B4-BE49-F238E27FC236}">
                    <a16:creationId xmlns="" xmlns:a16="http://schemas.microsoft.com/office/drawing/2014/main" id="{0037300B-BAFA-48ED-AADA-EF8E38156E5A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0" name="Freeform: Shape 99">
                <a:extLst>
                  <a:ext uri="{FF2B5EF4-FFF2-40B4-BE49-F238E27FC236}">
                    <a16:creationId xmlns="" xmlns:a16="http://schemas.microsoft.com/office/drawing/2014/main" id="{EA57CBE0-1BFD-4FA4-AAE0-C6CCC176FEE9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1" name="Freeform: Shape 100">
                <a:extLst>
                  <a:ext uri="{FF2B5EF4-FFF2-40B4-BE49-F238E27FC236}">
                    <a16:creationId xmlns="" xmlns:a16="http://schemas.microsoft.com/office/drawing/2014/main" id="{F996DAB0-2500-46A6-92E0-918A4877EA16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2" name="Freeform: Shape 101">
                <a:extLst>
                  <a:ext uri="{FF2B5EF4-FFF2-40B4-BE49-F238E27FC236}">
                    <a16:creationId xmlns="" xmlns:a16="http://schemas.microsoft.com/office/drawing/2014/main" id="{A4E7F717-DBBA-40CF-AE6F-1446FD805F0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3" name="Freeform: Shape 102">
                <a:extLst>
                  <a:ext uri="{FF2B5EF4-FFF2-40B4-BE49-F238E27FC236}">
                    <a16:creationId xmlns="" xmlns:a16="http://schemas.microsoft.com/office/drawing/2014/main" id="{BF742C87-E658-42EE-BA9A-0772DFDE0A99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4" name="Freeform: Shape 103">
                <a:extLst>
                  <a:ext uri="{FF2B5EF4-FFF2-40B4-BE49-F238E27FC236}">
                    <a16:creationId xmlns="" xmlns:a16="http://schemas.microsoft.com/office/drawing/2014/main" id="{15255B3C-35FD-4D0E-83DA-A8BAA52B668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5" name="Freeform: Shape 104">
                <a:extLst>
                  <a:ext uri="{FF2B5EF4-FFF2-40B4-BE49-F238E27FC236}">
                    <a16:creationId xmlns="" xmlns:a16="http://schemas.microsoft.com/office/drawing/2014/main" id="{C698C94E-324D-4D3E-98C6-8108C02D8022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6" name="Freeform: Shape 105">
                <a:extLst>
                  <a:ext uri="{FF2B5EF4-FFF2-40B4-BE49-F238E27FC236}">
                    <a16:creationId xmlns="" xmlns:a16="http://schemas.microsoft.com/office/drawing/2014/main" id="{3AE9D30E-C6FB-4E9E-AEDC-4DAF97079FB0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  <p:grpSp>
          <p:nvGrpSpPr>
            <p:cNvPr id="6" name="Group 5">
              <a:extLst>
                <a:ext uri="{FF2B5EF4-FFF2-40B4-BE49-F238E27FC236}">
                  <a16:creationId xmlns="" xmlns:a16="http://schemas.microsoft.com/office/drawing/2014/main" id="{B3A3BECA-C2E1-412A-B5F4-6F83E7F533B8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41" name="Freeform: Shape 40">
                <a:extLst>
                  <a:ext uri="{FF2B5EF4-FFF2-40B4-BE49-F238E27FC236}">
                    <a16:creationId xmlns="" xmlns:a16="http://schemas.microsoft.com/office/drawing/2014/main" id="{BC37E7D4-8E11-4129-AB58-46BBB4FFA9B3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2" name="Freeform: Shape 41">
                <a:extLst>
                  <a:ext uri="{FF2B5EF4-FFF2-40B4-BE49-F238E27FC236}">
                    <a16:creationId xmlns="" xmlns:a16="http://schemas.microsoft.com/office/drawing/2014/main" id="{781312BA-25D0-4BF4-89D0-6E722BC269BD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3" name="Freeform: Shape 42">
                <a:extLst>
                  <a:ext uri="{FF2B5EF4-FFF2-40B4-BE49-F238E27FC236}">
                    <a16:creationId xmlns="" xmlns:a16="http://schemas.microsoft.com/office/drawing/2014/main" id="{C45F69F5-95A2-46FA-B0A0-890097657C7F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4" name="Freeform: Shape 43">
                <a:extLst>
                  <a:ext uri="{FF2B5EF4-FFF2-40B4-BE49-F238E27FC236}">
                    <a16:creationId xmlns="" xmlns:a16="http://schemas.microsoft.com/office/drawing/2014/main" id="{5DD1588D-F375-4DEE-B102-0B42B31DCCCD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5" name="Freeform: Shape 44">
                <a:extLst>
                  <a:ext uri="{FF2B5EF4-FFF2-40B4-BE49-F238E27FC236}">
                    <a16:creationId xmlns="" xmlns:a16="http://schemas.microsoft.com/office/drawing/2014/main" id="{B17F49E7-B868-4377-B2A2-D84DEB4DF531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6" name="Freeform: Shape 45">
                <a:extLst>
                  <a:ext uri="{FF2B5EF4-FFF2-40B4-BE49-F238E27FC236}">
                    <a16:creationId xmlns="" xmlns:a16="http://schemas.microsoft.com/office/drawing/2014/main" id="{DE66DCA0-A018-42AD-A5B7-5099C7B412C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7" name="Freeform: Shape 46">
                <a:extLst>
                  <a:ext uri="{FF2B5EF4-FFF2-40B4-BE49-F238E27FC236}">
                    <a16:creationId xmlns="" xmlns:a16="http://schemas.microsoft.com/office/drawing/2014/main" id="{74780311-C66E-4AA1-9ACA-08B1FEEC9B09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8" name="Freeform: Shape 47">
                <a:extLst>
                  <a:ext uri="{FF2B5EF4-FFF2-40B4-BE49-F238E27FC236}">
                    <a16:creationId xmlns="" xmlns:a16="http://schemas.microsoft.com/office/drawing/2014/main" id="{5168E7E3-10B1-49E1-B8FE-866F722C64A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9" name="Freeform: Shape 48">
                <a:extLst>
                  <a:ext uri="{FF2B5EF4-FFF2-40B4-BE49-F238E27FC236}">
                    <a16:creationId xmlns="" xmlns:a16="http://schemas.microsoft.com/office/drawing/2014/main" id="{7744992B-A35D-4299-B6AD-4C2D05791730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0" name="Freeform: Shape 49">
                <a:extLst>
                  <a:ext uri="{FF2B5EF4-FFF2-40B4-BE49-F238E27FC236}">
                    <a16:creationId xmlns="" xmlns:a16="http://schemas.microsoft.com/office/drawing/2014/main" id="{ACC9583F-73E7-472E-BDA7-80EDE2E3EB25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1" name="Freeform: Shape 50">
                <a:extLst>
                  <a:ext uri="{FF2B5EF4-FFF2-40B4-BE49-F238E27FC236}">
                    <a16:creationId xmlns="" xmlns:a16="http://schemas.microsoft.com/office/drawing/2014/main" id="{BA6A54D5-1D54-4F79-AEE0-5E46BE8A69D4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2" name="Freeform: Shape 51">
                <a:extLst>
                  <a:ext uri="{FF2B5EF4-FFF2-40B4-BE49-F238E27FC236}">
                    <a16:creationId xmlns="" xmlns:a16="http://schemas.microsoft.com/office/drawing/2014/main" id="{99CEBF89-DC90-4F7E-A72F-630333B69D9A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3" name="Freeform: Shape 52">
                <a:extLst>
                  <a:ext uri="{FF2B5EF4-FFF2-40B4-BE49-F238E27FC236}">
                    <a16:creationId xmlns="" xmlns:a16="http://schemas.microsoft.com/office/drawing/2014/main" id="{B13C223B-C8E7-4D48-8B7A-8ACAD0AE439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4" name="Freeform: Shape 53">
                <a:extLst>
                  <a:ext uri="{FF2B5EF4-FFF2-40B4-BE49-F238E27FC236}">
                    <a16:creationId xmlns="" xmlns:a16="http://schemas.microsoft.com/office/drawing/2014/main" id="{0A59F74B-3FFA-41FE-84BD-758E54B6A91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5" name="Freeform: Shape 54">
                <a:extLst>
                  <a:ext uri="{FF2B5EF4-FFF2-40B4-BE49-F238E27FC236}">
                    <a16:creationId xmlns="" xmlns:a16="http://schemas.microsoft.com/office/drawing/2014/main" id="{BEE47432-075D-4849-AB5D-E36ACC476F4C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6" name="Freeform: Shape 55">
                <a:extLst>
                  <a:ext uri="{FF2B5EF4-FFF2-40B4-BE49-F238E27FC236}">
                    <a16:creationId xmlns="" xmlns:a16="http://schemas.microsoft.com/office/drawing/2014/main" id="{61A3C633-8C4D-4864-A4A3-80C517D8E24B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7" name="Freeform: Shape 56">
                <a:extLst>
                  <a:ext uri="{FF2B5EF4-FFF2-40B4-BE49-F238E27FC236}">
                    <a16:creationId xmlns="" xmlns:a16="http://schemas.microsoft.com/office/drawing/2014/main" id="{F7D3E993-AE0D-4ACF-BAE0-FAD3D0BB5F5C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8" name="Freeform: Shape 57">
                <a:extLst>
                  <a:ext uri="{FF2B5EF4-FFF2-40B4-BE49-F238E27FC236}">
                    <a16:creationId xmlns="" xmlns:a16="http://schemas.microsoft.com/office/drawing/2014/main" id="{4029193E-5A97-4EF9-9088-4C91BB2E73DC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9" name="Freeform: Shape 58">
                <a:extLst>
                  <a:ext uri="{FF2B5EF4-FFF2-40B4-BE49-F238E27FC236}">
                    <a16:creationId xmlns="" xmlns:a16="http://schemas.microsoft.com/office/drawing/2014/main" id="{0DA39C7D-D2F8-442A-951E-F43ACEB4BF3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0" name="Freeform: Shape 59">
                <a:extLst>
                  <a:ext uri="{FF2B5EF4-FFF2-40B4-BE49-F238E27FC236}">
                    <a16:creationId xmlns="" xmlns:a16="http://schemas.microsoft.com/office/drawing/2014/main" id="{C7F1CC79-AEB9-48EE-B970-75A31DE399CF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1" name="Freeform: Shape 60">
                <a:extLst>
                  <a:ext uri="{FF2B5EF4-FFF2-40B4-BE49-F238E27FC236}">
                    <a16:creationId xmlns="" xmlns:a16="http://schemas.microsoft.com/office/drawing/2014/main" id="{5C7EF045-42AE-4098-A72C-DE2358717E1D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2" name="Freeform: Shape 61">
                <a:extLst>
                  <a:ext uri="{FF2B5EF4-FFF2-40B4-BE49-F238E27FC236}">
                    <a16:creationId xmlns="" xmlns:a16="http://schemas.microsoft.com/office/drawing/2014/main" id="{1731EAA6-DECC-47E7-9613-792EAB70C663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3" name="Freeform: Shape 62">
                <a:extLst>
                  <a:ext uri="{FF2B5EF4-FFF2-40B4-BE49-F238E27FC236}">
                    <a16:creationId xmlns="" xmlns:a16="http://schemas.microsoft.com/office/drawing/2014/main" id="{B23F72DC-9047-4231-B2FD-6DAA9D5BA64B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4" name="Freeform: Shape 63">
                <a:extLst>
                  <a:ext uri="{FF2B5EF4-FFF2-40B4-BE49-F238E27FC236}">
                    <a16:creationId xmlns="" xmlns:a16="http://schemas.microsoft.com/office/drawing/2014/main" id="{6432F9CF-DCCF-4996-B7A2-4EB0E523E624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 dirty="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5" name="Freeform: Shape 64">
                <a:extLst>
                  <a:ext uri="{FF2B5EF4-FFF2-40B4-BE49-F238E27FC236}">
                    <a16:creationId xmlns="" xmlns:a16="http://schemas.microsoft.com/office/drawing/2014/main" id="{9AB52D68-AF7D-46EB-BB64-0A62E8A38E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6" name="Freeform: Shape 65">
                <a:extLst>
                  <a:ext uri="{FF2B5EF4-FFF2-40B4-BE49-F238E27FC236}">
                    <a16:creationId xmlns="" xmlns:a16="http://schemas.microsoft.com/office/drawing/2014/main" id="{A5AB64EC-A440-4677-90E6-E22B0B553468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7" name="Freeform: Shape 66">
                <a:extLst>
                  <a:ext uri="{FF2B5EF4-FFF2-40B4-BE49-F238E27FC236}">
                    <a16:creationId xmlns="" xmlns:a16="http://schemas.microsoft.com/office/drawing/2014/main" id="{D89749EF-FC11-4EDF-8C71-43D9A45BC63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8" name="Freeform: Shape 67">
                <a:extLst>
                  <a:ext uri="{FF2B5EF4-FFF2-40B4-BE49-F238E27FC236}">
                    <a16:creationId xmlns="" xmlns:a16="http://schemas.microsoft.com/office/drawing/2014/main" id="{A0AE09E6-9337-427F-ADF0-5A06A83A8912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9" name="Freeform: Shape 68">
                <a:extLst>
                  <a:ext uri="{FF2B5EF4-FFF2-40B4-BE49-F238E27FC236}">
                    <a16:creationId xmlns="" xmlns:a16="http://schemas.microsoft.com/office/drawing/2014/main" id="{D099960D-AA07-4EAE-99D1-8896CFA6817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0" name="Freeform: Shape 69">
                <a:extLst>
                  <a:ext uri="{FF2B5EF4-FFF2-40B4-BE49-F238E27FC236}">
                    <a16:creationId xmlns="" xmlns:a16="http://schemas.microsoft.com/office/drawing/2014/main" id="{7B7D79DB-9320-474F-A10C-AFEF68FD9E7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1" name="Freeform: Shape 70">
                <a:extLst>
                  <a:ext uri="{FF2B5EF4-FFF2-40B4-BE49-F238E27FC236}">
                    <a16:creationId xmlns="" xmlns:a16="http://schemas.microsoft.com/office/drawing/2014/main" id="{C3AE7253-3109-44C3-B4C3-050AB340DBBD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2" name="Freeform: Shape 71">
                <a:extLst>
                  <a:ext uri="{FF2B5EF4-FFF2-40B4-BE49-F238E27FC236}">
                    <a16:creationId xmlns="" xmlns:a16="http://schemas.microsoft.com/office/drawing/2014/main" id="{323238DA-2021-4699-A513-9D3521E60C36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3" name="Freeform: Shape 72">
                <a:extLst>
                  <a:ext uri="{FF2B5EF4-FFF2-40B4-BE49-F238E27FC236}">
                    <a16:creationId xmlns="" xmlns:a16="http://schemas.microsoft.com/office/drawing/2014/main" id="{CA8F0BB5-996B-4AB3-88D2-36B91F80714E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  <p:grpSp>
          <p:nvGrpSpPr>
            <p:cNvPr id="7" name="Group 6">
              <a:extLst>
                <a:ext uri="{FF2B5EF4-FFF2-40B4-BE49-F238E27FC236}">
                  <a16:creationId xmlns="" xmlns:a16="http://schemas.microsoft.com/office/drawing/2014/main" id="{394B8EEF-EDAB-4B97-882A-121630FA595B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8" name="Freeform: Shape 7">
                <a:extLst>
                  <a:ext uri="{FF2B5EF4-FFF2-40B4-BE49-F238E27FC236}">
                    <a16:creationId xmlns="" xmlns:a16="http://schemas.microsoft.com/office/drawing/2014/main" id="{695A823E-6C8A-4EAB-B69C-7B2892222F30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" name="Freeform: Shape 8">
                <a:extLst>
                  <a:ext uri="{FF2B5EF4-FFF2-40B4-BE49-F238E27FC236}">
                    <a16:creationId xmlns="" xmlns:a16="http://schemas.microsoft.com/office/drawing/2014/main" id="{74A1CF60-DE1B-4013-81ED-D0594E50833D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" name="Freeform: Shape 9">
                <a:extLst>
                  <a:ext uri="{FF2B5EF4-FFF2-40B4-BE49-F238E27FC236}">
                    <a16:creationId xmlns="" xmlns:a16="http://schemas.microsoft.com/office/drawing/2014/main" id="{043AB6DA-8376-4A08-8BF6-981238216EC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1" name="Freeform: Shape 10">
                <a:extLst>
                  <a:ext uri="{FF2B5EF4-FFF2-40B4-BE49-F238E27FC236}">
                    <a16:creationId xmlns="" xmlns:a16="http://schemas.microsoft.com/office/drawing/2014/main" id="{E7CABB8B-0B4A-4498-BEA3-55055F3BBC13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2" name="Freeform: Shape 11">
                <a:extLst>
                  <a:ext uri="{FF2B5EF4-FFF2-40B4-BE49-F238E27FC236}">
                    <a16:creationId xmlns="" xmlns:a16="http://schemas.microsoft.com/office/drawing/2014/main" id="{E16149C8-604C-49E5-87F0-02FBB0397B31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3" name="Freeform: Shape 12">
                <a:extLst>
                  <a:ext uri="{FF2B5EF4-FFF2-40B4-BE49-F238E27FC236}">
                    <a16:creationId xmlns="" xmlns:a16="http://schemas.microsoft.com/office/drawing/2014/main" id="{8EBC0BDC-E5AE-4FDA-ACA4-BA4776B9ED5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4" name="Freeform: Shape 13">
                <a:extLst>
                  <a:ext uri="{FF2B5EF4-FFF2-40B4-BE49-F238E27FC236}">
                    <a16:creationId xmlns="" xmlns:a16="http://schemas.microsoft.com/office/drawing/2014/main" id="{F04FF7BB-F890-44A7-87BF-306C343C8DBA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5" name="Freeform: Shape 14">
                <a:extLst>
                  <a:ext uri="{FF2B5EF4-FFF2-40B4-BE49-F238E27FC236}">
                    <a16:creationId xmlns="" xmlns:a16="http://schemas.microsoft.com/office/drawing/2014/main" id="{E4E62A49-7E88-4860-ACDD-5413169AC4EA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6" name="Freeform: Shape 15">
                <a:extLst>
                  <a:ext uri="{FF2B5EF4-FFF2-40B4-BE49-F238E27FC236}">
                    <a16:creationId xmlns="" xmlns:a16="http://schemas.microsoft.com/office/drawing/2014/main" id="{1BD22424-0F35-4AAC-8C28-D061CA296084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7" name="Freeform: Shape 16">
                <a:extLst>
                  <a:ext uri="{FF2B5EF4-FFF2-40B4-BE49-F238E27FC236}">
                    <a16:creationId xmlns="" xmlns:a16="http://schemas.microsoft.com/office/drawing/2014/main" id="{2AD73FD7-E680-4E75-B341-AE6652121287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8" name="Freeform: Shape 17">
                <a:extLst>
                  <a:ext uri="{FF2B5EF4-FFF2-40B4-BE49-F238E27FC236}">
                    <a16:creationId xmlns="" xmlns:a16="http://schemas.microsoft.com/office/drawing/2014/main" id="{CD0C96BB-5C14-432C-8F77-A9DDD7EACC30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9" name="Freeform: Shape 18">
                <a:extLst>
                  <a:ext uri="{FF2B5EF4-FFF2-40B4-BE49-F238E27FC236}">
                    <a16:creationId xmlns="" xmlns:a16="http://schemas.microsoft.com/office/drawing/2014/main" id="{DDF670EF-9507-4B62-9C47-B3F9C29024F8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0" name="Freeform: Shape 19">
                <a:extLst>
                  <a:ext uri="{FF2B5EF4-FFF2-40B4-BE49-F238E27FC236}">
                    <a16:creationId xmlns="" xmlns:a16="http://schemas.microsoft.com/office/drawing/2014/main" id="{E0FF1957-31ED-40CD-BF24-26B6811C361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1" name="Freeform: Shape 20">
                <a:extLst>
                  <a:ext uri="{FF2B5EF4-FFF2-40B4-BE49-F238E27FC236}">
                    <a16:creationId xmlns="" xmlns:a16="http://schemas.microsoft.com/office/drawing/2014/main" id="{35F50EAA-6959-4A17-8FF4-F4AF0F8DCEAE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2" name="Freeform: Shape 21">
                <a:extLst>
                  <a:ext uri="{FF2B5EF4-FFF2-40B4-BE49-F238E27FC236}">
                    <a16:creationId xmlns="" xmlns:a16="http://schemas.microsoft.com/office/drawing/2014/main" id="{98859B2A-A0CB-4A15-8B4F-2974553343B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3" name="Freeform: Shape 22">
                <a:extLst>
                  <a:ext uri="{FF2B5EF4-FFF2-40B4-BE49-F238E27FC236}">
                    <a16:creationId xmlns="" xmlns:a16="http://schemas.microsoft.com/office/drawing/2014/main" id="{BDBD938A-9AE8-4F38-AAA6-39E236495854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4" name="Freeform: Shape 23">
                <a:extLst>
                  <a:ext uri="{FF2B5EF4-FFF2-40B4-BE49-F238E27FC236}">
                    <a16:creationId xmlns="" xmlns:a16="http://schemas.microsoft.com/office/drawing/2014/main" id="{179F7FDE-FBDE-447E-8473-7252EA5F9AC9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5" name="Freeform: Shape 24">
                <a:extLst>
                  <a:ext uri="{FF2B5EF4-FFF2-40B4-BE49-F238E27FC236}">
                    <a16:creationId xmlns="" xmlns:a16="http://schemas.microsoft.com/office/drawing/2014/main" id="{95617CF1-38DB-4956-8918-7E8EE9631EDC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6" name="Freeform: Shape 25">
                <a:extLst>
                  <a:ext uri="{FF2B5EF4-FFF2-40B4-BE49-F238E27FC236}">
                    <a16:creationId xmlns="" xmlns:a16="http://schemas.microsoft.com/office/drawing/2014/main" id="{246E1A3C-B0B4-4A13-91F0-07E4857E34CA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7" name="Freeform: Shape 26">
                <a:extLst>
                  <a:ext uri="{FF2B5EF4-FFF2-40B4-BE49-F238E27FC236}">
                    <a16:creationId xmlns="" xmlns:a16="http://schemas.microsoft.com/office/drawing/2014/main" id="{69B16B7D-8F21-4185-8D47-D00ADFAF125F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8" name="Freeform: Shape 27">
                <a:extLst>
                  <a:ext uri="{FF2B5EF4-FFF2-40B4-BE49-F238E27FC236}">
                    <a16:creationId xmlns="" xmlns:a16="http://schemas.microsoft.com/office/drawing/2014/main" id="{43A91980-6114-4A22-ADB2-B19387D638F9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9" name="Freeform: Shape 28">
                <a:extLst>
                  <a:ext uri="{FF2B5EF4-FFF2-40B4-BE49-F238E27FC236}">
                    <a16:creationId xmlns="" xmlns:a16="http://schemas.microsoft.com/office/drawing/2014/main" id="{59C75790-8B8A-4004-B5B2-F89F8F7F325E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0" name="Freeform: Shape 29">
                <a:extLst>
                  <a:ext uri="{FF2B5EF4-FFF2-40B4-BE49-F238E27FC236}">
                    <a16:creationId xmlns="" xmlns:a16="http://schemas.microsoft.com/office/drawing/2014/main" id="{E8DEE448-B2C4-4802-85EF-64A6B96BDFA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1" name="Freeform: Shape 30">
                <a:extLst>
                  <a:ext uri="{FF2B5EF4-FFF2-40B4-BE49-F238E27FC236}">
                    <a16:creationId xmlns="" xmlns:a16="http://schemas.microsoft.com/office/drawing/2014/main" id="{CF4BF9BF-560B-4090-A117-E3ED92698BD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2" name="Freeform: Shape 31">
                <a:extLst>
                  <a:ext uri="{FF2B5EF4-FFF2-40B4-BE49-F238E27FC236}">
                    <a16:creationId xmlns="" xmlns:a16="http://schemas.microsoft.com/office/drawing/2014/main" id="{93196953-B88F-4DEC-81AC-87FD72D6134B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3" name="Freeform: Shape 32">
                <a:extLst>
                  <a:ext uri="{FF2B5EF4-FFF2-40B4-BE49-F238E27FC236}">
                    <a16:creationId xmlns="" xmlns:a16="http://schemas.microsoft.com/office/drawing/2014/main" id="{C065E188-6B05-4A95-A174-164F3730A9D5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4" name="Freeform: Shape 33">
                <a:extLst>
                  <a:ext uri="{FF2B5EF4-FFF2-40B4-BE49-F238E27FC236}">
                    <a16:creationId xmlns="" xmlns:a16="http://schemas.microsoft.com/office/drawing/2014/main" id="{3FB19C50-5C09-4181-8A11-7B2258C7DA97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5" name="Freeform: Shape 34">
                <a:extLst>
                  <a:ext uri="{FF2B5EF4-FFF2-40B4-BE49-F238E27FC236}">
                    <a16:creationId xmlns="" xmlns:a16="http://schemas.microsoft.com/office/drawing/2014/main" id="{81570401-1A86-403D-8B52-579A457DA9A7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6" name="Freeform: Shape 35">
                <a:extLst>
                  <a:ext uri="{FF2B5EF4-FFF2-40B4-BE49-F238E27FC236}">
                    <a16:creationId xmlns="" xmlns:a16="http://schemas.microsoft.com/office/drawing/2014/main" id="{58684503-52E4-476B-B530-73B75F30AD64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7" name="Freeform: Shape 36">
                <a:extLst>
                  <a:ext uri="{FF2B5EF4-FFF2-40B4-BE49-F238E27FC236}">
                    <a16:creationId xmlns="" xmlns:a16="http://schemas.microsoft.com/office/drawing/2014/main" id="{E3DE3782-FE3F-45B3-9A3F-8400A2650555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8" name="Freeform: Shape 37">
                <a:extLst>
                  <a:ext uri="{FF2B5EF4-FFF2-40B4-BE49-F238E27FC236}">
                    <a16:creationId xmlns="" xmlns:a16="http://schemas.microsoft.com/office/drawing/2014/main" id="{6735E315-91FC-42D0-AC15-58416B3C42F6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9" name="Freeform: Shape 38">
                <a:extLst>
                  <a:ext uri="{FF2B5EF4-FFF2-40B4-BE49-F238E27FC236}">
                    <a16:creationId xmlns="" xmlns:a16="http://schemas.microsoft.com/office/drawing/2014/main" id="{6E277E6F-43D1-45B9-B5CA-C14869A4DD3F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0" name="Freeform: Shape 39">
                <a:extLst>
                  <a:ext uri="{FF2B5EF4-FFF2-40B4-BE49-F238E27FC236}">
                    <a16:creationId xmlns="" xmlns:a16="http://schemas.microsoft.com/office/drawing/2014/main" id="{F9995011-083F-4FC6-97A0-9C4FE8C2D6F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pic>
        <p:nvPicPr>
          <p:cNvPr id="3" name="Picture 2">
            <a:extLst>
              <a:ext uri="{FF2B5EF4-FFF2-40B4-BE49-F238E27FC236}">
                <a16:creationId xmlns="" xmlns:a16="http://schemas.microsoft.com/office/drawing/2014/main" id="{FE048669-4E5C-4A2F-8A96-DA1CF0606B8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6" y="7763436"/>
            <a:ext cx="7985052" cy="8000982"/>
          </a:xfrm>
          <a:prstGeom prst="rect">
            <a:avLst/>
          </a:prstGeom>
        </p:spPr>
      </p:pic>
      <p:grpSp>
        <p:nvGrpSpPr>
          <p:cNvPr id="110" name="Group 109">
            <a:extLst>
              <a:ext uri="{FF2B5EF4-FFF2-40B4-BE49-F238E27FC236}">
                <a16:creationId xmlns="" xmlns:a16="http://schemas.microsoft.com/office/drawing/2014/main" id="{8FE597F5-5E36-4169-9E0E-A0614ED5DD9E}"/>
              </a:ext>
            </a:extLst>
          </p:cNvPr>
          <p:cNvGrpSpPr/>
          <p:nvPr/>
        </p:nvGrpSpPr>
        <p:grpSpPr>
          <a:xfrm>
            <a:off x="5205951" y="1455235"/>
            <a:ext cx="1318157" cy="930465"/>
            <a:chOff x="17029828" y="5557001"/>
            <a:chExt cx="1150338" cy="812004"/>
          </a:xfrm>
        </p:grpSpPr>
        <p:sp>
          <p:nvSpPr>
            <p:cNvPr id="111" name="Freeform: Shape 110">
              <a:extLst>
                <a:ext uri="{FF2B5EF4-FFF2-40B4-BE49-F238E27FC236}">
                  <a16:creationId xmlns="" xmlns:a16="http://schemas.microsoft.com/office/drawing/2014/main" id="{4DD780BC-A35A-4718-8FD0-00799B8E428D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2" name="Freeform: Shape 111">
              <a:extLst>
                <a:ext uri="{FF2B5EF4-FFF2-40B4-BE49-F238E27FC236}">
                  <a16:creationId xmlns="" xmlns:a16="http://schemas.microsoft.com/office/drawing/2014/main" id="{CC4BD9C7-7CC5-41F7-A09E-36741C8731F7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3" name="Freeform: Shape 112">
              <a:extLst>
                <a:ext uri="{FF2B5EF4-FFF2-40B4-BE49-F238E27FC236}">
                  <a16:creationId xmlns="" xmlns:a16="http://schemas.microsoft.com/office/drawing/2014/main" id="{82064923-7E1D-462D-8E31-979CE2CDC266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4" name="Freeform: Shape 113">
              <a:extLst>
                <a:ext uri="{FF2B5EF4-FFF2-40B4-BE49-F238E27FC236}">
                  <a16:creationId xmlns="" xmlns:a16="http://schemas.microsoft.com/office/drawing/2014/main" id="{3B466A1B-9376-46B0-A8A3-C4F05BBDCDC7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5" name="Freeform: Shape 114">
              <a:extLst>
                <a:ext uri="{FF2B5EF4-FFF2-40B4-BE49-F238E27FC236}">
                  <a16:creationId xmlns="" xmlns:a16="http://schemas.microsoft.com/office/drawing/2014/main" id="{689BC9D6-1AB0-452B-B46D-51616CC246AB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6" name="Freeform: Shape 115">
              <a:extLst>
                <a:ext uri="{FF2B5EF4-FFF2-40B4-BE49-F238E27FC236}">
                  <a16:creationId xmlns="" xmlns:a16="http://schemas.microsoft.com/office/drawing/2014/main" id="{913CCC67-39A3-413E-931F-6F3493F64B2D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7" name="Freeform: Shape 116">
              <a:extLst>
                <a:ext uri="{FF2B5EF4-FFF2-40B4-BE49-F238E27FC236}">
                  <a16:creationId xmlns="" xmlns:a16="http://schemas.microsoft.com/office/drawing/2014/main" id="{DC438494-4CFD-4216-AD81-E1F29C89FCC4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8" name="Freeform: Shape 117">
              <a:extLst>
                <a:ext uri="{FF2B5EF4-FFF2-40B4-BE49-F238E27FC236}">
                  <a16:creationId xmlns="" xmlns:a16="http://schemas.microsoft.com/office/drawing/2014/main" id="{5F130D73-EE90-422E-A4B5-9A0A30DD6137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19" name="Group 118">
            <a:extLst>
              <a:ext uri="{FF2B5EF4-FFF2-40B4-BE49-F238E27FC236}">
                <a16:creationId xmlns="" xmlns:a16="http://schemas.microsoft.com/office/drawing/2014/main" id="{B886E67F-A8F8-45E4-8261-5A4A22D573F8}"/>
              </a:ext>
            </a:extLst>
          </p:cNvPr>
          <p:cNvGrpSpPr/>
          <p:nvPr/>
        </p:nvGrpSpPr>
        <p:grpSpPr>
          <a:xfrm>
            <a:off x="462250" y="2958316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120" name="Freeform: Shape 119">
              <a:extLst>
                <a:ext uri="{FF2B5EF4-FFF2-40B4-BE49-F238E27FC236}">
                  <a16:creationId xmlns="" xmlns:a16="http://schemas.microsoft.com/office/drawing/2014/main" id="{0E889FEB-4B74-4037-9ABF-1A1F1784F630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1" name="Freeform: Shape 120">
              <a:extLst>
                <a:ext uri="{FF2B5EF4-FFF2-40B4-BE49-F238E27FC236}">
                  <a16:creationId xmlns="" xmlns:a16="http://schemas.microsoft.com/office/drawing/2014/main" id="{A3D77982-150E-48F9-AF56-2C84F7368288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2" name="Freeform: Shape 121">
              <a:extLst>
                <a:ext uri="{FF2B5EF4-FFF2-40B4-BE49-F238E27FC236}">
                  <a16:creationId xmlns="" xmlns:a16="http://schemas.microsoft.com/office/drawing/2014/main" id="{A28FF5A2-7044-4731-B636-95618DF5B440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3" name="Freeform: Shape 122">
              <a:extLst>
                <a:ext uri="{FF2B5EF4-FFF2-40B4-BE49-F238E27FC236}">
                  <a16:creationId xmlns="" xmlns:a16="http://schemas.microsoft.com/office/drawing/2014/main" id="{75C07477-999A-46AB-BFBF-F1D07C2BD34A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4" name="Freeform: Shape 123">
              <a:extLst>
                <a:ext uri="{FF2B5EF4-FFF2-40B4-BE49-F238E27FC236}">
                  <a16:creationId xmlns="" xmlns:a16="http://schemas.microsoft.com/office/drawing/2014/main" id="{FFCC7854-0E5F-40FD-AC56-AF7E220955ED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25" name="Group 124">
            <a:extLst>
              <a:ext uri="{FF2B5EF4-FFF2-40B4-BE49-F238E27FC236}">
                <a16:creationId xmlns="" xmlns:a16="http://schemas.microsoft.com/office/drawing/2014/main" id="{D7AA5BC3-0722-4CC7-BA4E-966F6B7B40A9}"/>
              </a:ext>
            </a:extLst>
          </p:cNvPr>
          <p:cNvGrpSpPr/>
          <p:nvPr/>
        </p:nvGrpSpPr>
        <p:grpSpPr>
          <a:xfrm>
            <a:off x="5603206" y="3392514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126" name="Freeform: Shape 125">
              <a:extLst>
                <a:ext uri="{FF2B5EF4-FFF2-40B4-BE49-F238E27FC236}">
                  <a16:creationId xmlns="" xmlns:a16="http://schemas.microsoft.com/office/drawing/2014/main" id="{93DEB844-80CA-4F00-BFC1-715079D63D84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7" name="Freeform: Shape 126">
              <a:extLst>
                <a:ext uri="{FF2B5EF4-FFF2-40B4-BE49-F238E27FC236}">
                  <a16:creationId xmlns="" xmlns:a16="http://schemas.microsoft.com/office/drawing/2014/main" id="{34435C7F-F541-4D5D-ADAC-F7636D67DF7F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8" name="Freeform: Shape 127">
              <a:extLst>
                <a:ext uri="{FF2B5EF4-FFF2-40B4-BE49-F238E27FC236}">
                  <a16:creationId xmlns="" xmlns:a16="http://schemas.microsoft.com/office/drawing/2014/main" id="{A5CF40DD-0069-4A41-8C4A-34C2867A7F0F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9" name="Freeform: Shape 128">
              <a:extLst>
                <a:ext uri="{FF2B5EF4-FFF2-40B4-BE49-F238E27FC236}">
                  <a16:creationId xmlns="" xmlns:a16="http://schemas.microsoft.com/office/drawing/2014/main" id="{E7E804FB-2A41-48B7-958C-7E98E6EA73A0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0" name="Freeform: Shape 129">
              <a:extLst>
                <a:ext uri="{FF2B5EF4-FFF2-40B4-BE49-F238E27FC236}">
                  <a16:creationId xmlns="" xmlns:a16="http://schemas.microsoft.com/office/drawing/2014/main" id="{0C47AA6F-757A-4148-87FF-FC8FF4C53C83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1" name="Freeform: Shape 130">
              <a:extLst>
                <a:ext uri="{FF2B5EF4-FFF2-40B4-BE49-F238E27FC236}">
                  <a16:creationId xmlns="" xmlns:a16="http://schemas.microsoft.com/office/drawing/2014/main" id="{EF1AC6E8-624A-4101-B993-CC31F7FC0719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2" name="Freeform: Shape 131">
              <a:extLst>
                <a:ext uri="{FF2B5EF4-FFF2-40B4-BE49-F238E27FC236}">
                  <a16:creationId xmlns="" xmlns:a16="http://schemas.microsoft.com/office/drawing/2014/main" id="{F5E3A933-76D2-4BCA-9DA8-5E245C61D8A3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3" name="Freeform: Shape 132">
              <a:extLst>
                <a:ext uri="{FF2B5EF4-FFF2-40B4-BE49-F238E27FC236}">
                  <a16:creationId xmlns="" xmlns:a16="http://schemas.microsoft.com/office/drawing/2014/main" id="{7AEC9A97-BB5A-458B-BAB3-DD88667D2DBE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4" name="Freeform: Shape 133">
              <a:extLst>
                <a:ext uri="{FF2B5EF4-FFF2-40B4-BE49-F238E27FC236}">
                  <a16:creationId xmlns="" xmlns:a16="http://schemas.microsoft.com/office/drawing/2014/main" id="{06470992-1533-40A9-80F5-6758733E8CB7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5" name="Freeform: Shape 134">
              <a:extLst>
                <a:ext uri="{FF2B5EF4-FFF2-40B4-BE49-F238E27FC236}">
                  <a16:creationId xmlns="" xmlns:a16="http://schemas.microsoft.com/office/drawing/2014/main" id="{9D852B61-DD4F-4CF9-B27D-A32715BA804D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6" name="Freeform: Shape 135">
              <a:extLst>
                <a:ext uri="{FF2B5EF4-FFF2-40B4-BE49-F238E27FC236}">
                  <a16:creationId xmlns="" xmlns:a16="http://schemas.microsoft.com/office/drawing/2014/main" id="{93B7DAC2-E100-4CB8-A9EA-A9EC2202308E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7" name="Freeform: Shape 136">
              <a:extLst>
                <a:ext uri="{FF2B5EF4-FFF2-40B4-BE49-F238E27FC236}">
                  <a16:creationId xmlns="" xmlns:a16="http://schemas.microsoft.com/office/drawing/2014/main" id="{949D90F0-7F1B-4F0C-8054-158613378D09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8" name="Freeform: Shape 137">
              <a:extLst>
                <a:ext uri="{FF2B5EF4-FFF2-40B4-BE49-F238E27FC236}">
                  <a16:creationId xmlns="" xmlns:a16="http://schemas.microsoft.com/office/drawing/2014/main" id="{5A81C6F0-F82E-4912-A848-652DDCC4CDAB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9" name="Freeform: Shape 138">
              <a:extLst>
                <a:ext uri="{FF2B5EF4-FFF2-40B4-BE49-F238E27FC236}">
                  <a16:creationId xmlns="" xmlns:a16="http://schemas.microsoft.com/office/drawing/2014/main" id="{1BEE890B-5FF9-4E71-971C-6156DF740588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0" name="Freeform: Shape 139">
              <a:extLst>
                <a:ext uri="{FF2B5EF4-FFF2-40B4-BE49-F238E27FC236}">
                  <a16:creationId xmlns="" xmlns:a16="http://schemas.microsoft.com/office/drawing/2014/main" id="{98847182-52BF-47FD-BA38-E6CBEDB881F9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1" name="Freeform: Shape 140">
              <a:extLst>
                <a:ext uri="{FF2B5EF4-FFF2-40B4-BE49-F238E27FC236}">
                  <a16:creationId xmlns="" xmlns:a16="http://schemas.microsoft.com/office/drawing/2014/main" id="{39D92A46-D9BC-4010-8FE9-2D4430B371E1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2" name="Freeform: Shape 141">
              <a:extLst>
                <a:ext uri="{FF2B5EF4-FFF2-40B4-BE49-F238E27FC236}">
                  <a16:creationId xmlns="" xmlns:a16="http://schemas.microsoft.com/office/drawing/2014/main" id="{11124D3B-9D2C-4B4A-A4FF-9C4118D571D7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43" name="Group 142">
            <a:extLst>
              <a:ext uri="{FF2B5EF4-FFF2-40B4-BE49-F238E27FC236}">
                <a16:creationId xmlns="" xmlns:a16="http://schemas.microsoft.com/office/drawing/2014/main" id="{A5438C54-262E-4085-B2EE-CFC6D88784F6}"/>
              </a:ext>
            </a:extLst>
          </p:cNvPr>
          <p:cNvGrpSpPr/>
          <p:nvPr/>
        </p:nvGrpSpPr>
        <p:grpSpPr>
          <a:xfrm>
            <a:off x="745313" y="1041980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144" name="Freeform: Shape 143">
              <a:extLst>
                <a:ext uri="{FF2B5EF4-FFF2-40B4-BE49-F238E27FC236}">
                  <a16:creationId xmlns="" xmlns:a16="http://schemas.microsoft.com/office/drawing/2014/main" id="{B2E0CBCB-6D85-4A2D-9209-2F1BBD7BDFF0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5" name="Freeform: Shape 144">
              <a:extLst>
                <a:ext uri="{FF2B5EF4-FFF2-40B4-BE49-F238E27FC236}">
                  <a16:creationId xmlns="" xmlns:a16="http://schemas.microsoft.com/office/drawing/2014/main" id="{ACB63ED9-7B24-4C33-9A18-122FD4315C2C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6" name="Freeform: Shape 145">
              <a:extLst>
                <a:ext uri="{FF2B5EF4-FFF2-40B4-BE49-F238E27FC236}">
                  <a16:creationId xmlns="" xmlns:a16="http://schemas.microsoft.com/office/drawing/2014/main" id="{5A5444B1-1E90-4B4E-BE12-D7CCBD8EC20E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7" name="Freeform: Shape 146">
              <a:extLst>
                <a:ext uri="{FF2B5EF4-FFF2-40B4-BE49-F238E27FC236}">
                  <a16:creationId xmlns="" xmlns:a16="http://schemas.microsoft.com/office/drawing/2014/main" id="{FFA59011-5F63-4D5E-BCB4-C4CD516CE26C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8" name="Freeform: Shape 147">
              <a:extLst>
                <a:ext uri="{FF2B5EF4-FFF2-40B4-BE49-F238E27FC236}">
                  <a16:creationId xmlns="" xmlns:a16="http://schemas.microsoft.com/office/drawing/2014/main" id="{CA4B48CB-379C-44DB-9ABA-E276C6C1A2EA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9" name="Freeform: Shape 148">
              <a:extLst>
                <a:ext uri="{FF2B5EF4-FFF2-40B4-BE49-F238E27FC236}">
                  <a16:creationId xmlns="" xmlns:a16="http://schemas.microsoft.com/office/drawing/2014/main" id="{72D5DBD6-63B1-444B-BD1E-F39669F4F18D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pic>
        <p:nvPicPr>
          <p:cNvPr id="152" name="Picture 151">
            <a:extLst>
              <a:ext uri="{FF2B5EF4-FFF2-40B4-BE49-F238E27FC236}">
                <a16:creationId xmlns="" xmlns:a16="http://schemas.microsoft.com/office/drawing/2014/main" id="{D3D6ED5E-7977-42C4-B0FA-B5E3C29BBE96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8563" y="4586729"/>
            <a:ext cx="791774" cy="791774"/>
          </a:xfrm>
          <a:prstGeom prst="rect">
            <a:avLst/>
          </a:prstGeom>
        </p:spPr>
      </p:pic>
      <p:sp>
        <p:nvSpPr>
          <p:cNvPr id="153" name="TextBox 152">
            <a:extLst>
              <a:ext uri="{FF2B5EF4-FFF2-40B4-BE49-F238E27FC236}">
                <a16:creationId xmlns="" xmlns:a16="http://schemas.microsoft.com/office/drawing/2014/main" id="{16B05D21-658F-420F-858F-24AF695D4F56}"/>
              </a:ext>
            </a:extLst>
          </p:cNvPr>
          <p:cNvSpPr txBox="1"/>
          <p:nvPr/>
        </p:nvSpPr>
        <p:spPr>
          <a:xfrm>
            <a:off x="1791846" y="534072"/>
            <a:ext cx="3222545" cy="14465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128565">
              <a:defRPr/>
            </a:pPr>
            <a:r>
              <a:rPr lang="en-US" sz="4400" b="1" dirty="0" err="1">
                <a:solidFill>
                  <a:srgbClr val="FFFFFF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Jelajahi</a:t>
            </a:r>
            <a:r>
              <a:rPr lang="en-US" sz="4400" b="1" dirty="0">
                <a:solidFill>
                  <a:srgbClr val="FFFFFF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 </a:t>
            </a:r>
            <a:r>
              <a:rPr lang="en-US" sz="4400" b="1" dirty="0" err="1">
                <a:solidFill>
                  <a:srgbClr val="FFFFFF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Sekarang</a:t>
            </a:r>
            <a:endParaRPr lang="en-US" sz="4400" b="1" dirty="0">
              <a:solidFill>
                <a:srgbClr val="FFFFFF"/>
              </a:solidFill>
              <a:latin typeface="Open Sans Extrabold" panose="020B0906030804020204" pitchFamily="34" charset="0"/>
              <a:ea typeface="Open Sans Extrabold" panose="020B0906030804020204" pitchFamily="34" charset="0"/>
              <a:cs typeface="Open Sans Extrabold" panose="020B0906030804020204" pitchFamily="34" charset="0"/>
            </a:endParaRPr>
          </a:p>
        </p:txBody>
      </p:sp>
      <p:grpSp>
        <p:nvGrpSpPr>
          <p:cNvPr id="154" name="Group 153">
            <a:extLst>
              <a:ext uri="{FF2B5EF4-FFF2-40B4-BE49-F238E27FC236}">
                <a16:creationId xmlns="" xmlns:a16="http://schemas.microsoft.com/office/drawing/2014/main" id="{A7D19681-99D0-4F7B-BFD7-7D0F9B36F564}"/>
              </a:ext>
            </a:extLst>
          </p:cNvPr>
          <p:cNvGrpSpPr/>
          <p:nvPr/>
        </p:nvGrpSpPr>
        <p:grpSpPr>
          <a:xfrm>
            <a:off x="-669064" y="10260734"/>
            <a:ext cx="8196128" cy="2034800"/>
            <a:chOff x="7450922" y="652423"/>
            <a:chExt cx="8196128" cy="2034800"/>
          </a:xfrm>
        </p:grpSpPr>
        <p:sp>
          <p:nvSpPr>
            <p:cNvPr id="155" name="Freeform: Shape 154">
              <a:extLst>
                <a:ext uri="{FF2B5EF4-FFF2-40B4-BE49-F238E27FC236}">
                  <a16:creationId xmlns="" xmlns:a16="http://schemas.microsoft.com/office/drawing/2014/main" id="{93E0DA91-937D-43DC-89E9-B98E97E046BE}"/>
                </a:ext>
              </a:extLst>
            </p:cNvPr>
            <p:cNvSpPr/>
            <p:nvPr/>
          </p:nvSpPr>
          <p:spPr>
            <a:xfrm>
              <a:off x="9709382" y="652423"/>
              <a:ext cx="3679210" cy="1389820"/>
            </a:xfrm>
            <a:custGeom>
              <a:avLst/>
              <a:gdLst>
                <a:gd name="connsiteX0" fmla="*/ 126436 w 2615328"/>
                <a:gd name="connsiteY0" fmla="*/ 493360 h 987937"/>
                <a:gd name="connsiteX1" fmla="*/ 320404 w 2615328"/>
                <a:gd name="connsiteY1" fmla="*/ 338030 h 987937"/>
                <a:gd name="connsiteX2" fmla="*/ 410096 w 2615328"/>
                <a:gd name="connsiteY2" fmla="*/ 359413 h 987937"/>
                <a:gd name="connsiteX3" fmla="*/ 631807 w 2615328"/>
                <a:gd name="connsiteY3" fmla="*/ 221948 h 987937"/>
                <a:gd name="connsiteX4" fmla="*/ 714835 w 2615328"/>
                <a:gd name="connsiteY4" fmla="*/ 236225 h 987937"/>
                <a:gd name="connsiteX5" fmla="*/ 977652 w 2615328"/>
                <a:gd name="connsiteY5" fmla="*/ 71659 h 987937"/>
                <a:gd name="connsiteX6" fmla="*/ 1212152 w 2615328"/>
                <a:gd name="connsiteY6" fmla="*/ 189603 h 987937"/>
                <a:gd name="connsiteX7" fmla="*/ 1485696 w 2615328"/>
                <a:gd name="connsiteY7" fmla="*/ 0 h 987937"/>
                <a:gd name="connsiteX8" fmla="*/ 1772638 w 2615328"/>
                <a:gd name="connsiteY8" fmla="*/ 237511 h 987937"/>
                <a:gd name="connsiteX9" fmla="*/ 2011435 w 2615328"/>
                <a:gd name="connsiteY9" fmla="*/ 130394 h 987937"/>
                <a:gd name="connsiteX10" fmla="*/ 2330688 w 2615328"/>
                <a:gd name="connsiteY10" fmla="*/ 432121 h 987937"/>
                <a:gd name="connsiteX11" fmla="*/ 2407659 w 2615328"/>
                <a:gd name="connsiteY11" fmla="*/ 417471 h 987937"/>
                <a:gd name="connsiteX12" fmla="*/ 2617055 w 2615328"/>
                <a:gd name="connsiteY12" fmla="*/ 626867 h 987937"/>
                <a:gd name="connsiteX13" fmla="*/ 2407659 w 2615328"/>
                <a:gd name="connsiteY13" fmla="*/ 836262 h 987937"/>
                <a:gd name="connsiteX14" fmla="*/ 2289648 w 2615328"/>
                <a:gd name="connsiteY14" fmla="*/ 799857 h 987937"/>
                <a:gd name="connsiteX15" fmla="*/ 2137837 w 2615328"/>
                <a:gd name="connsiteY15" fmla="*/ 865122 h 987937"/>
                <a:gd name="connsiteX16" fmla="*/ 1998510 w 2615328"/>
                <a:gd name="connsiteY16" fmla="*/ 812004 h 987937"/>
                <a:gd name="connsiteX17" fmla="*/ 1711941 w 2615328"/>
                <a:gd name="connsiteY17" fmla="*/ 989798 h 987937"/>
                <a:gd name="connsiteX18" fmla="*/ 1420161 w 2615328"/>
                <a:gd name="connsiteY18" fmla="*/ 801075 h 987937"/>
                <a:gd name="connsiteX19" fmla="*/ 1325291 w 2615328"/>
                <a:gd name="connsiteY19" fmla="*/ 816842 h 987937"/>
                <a:gd name="connsiteX20" fmla="*/ 1298360 w 2615328"/>
                <a:gd name="connsiteY20" fmla="*/ 815590 h 987937"/>
                <a:gd name="connsiteX21" fmla="*/ 1163026 w 2615328"/>
                <a:gd name="connsiteY21" fmla="*/ 868844 h 987937"/>
                <a:gd name="connsiteX22" fmla="*/ 1048195 w 2615328"/>
                <a:gd name="connsiteY22" fmla="*/ 832270 h 987937"/>
                <a:gd name="connsiteX23" fmla="*/ 950485 w 2615328"/>
                <a:gd name="connsiteY23" fmla="*/ 849051 h 987937"/>
                <a:gd name="connsiteX24" fmla="*/ 878927 w 2615328"/>
                <a:gd name="connsiteY24" fmla="*/ 840221 h 987937"/>
                <a:gd name="connsiteX25" fmla="*/ 763385 w 2615328"/>
                <a:gd name="connsiteY25" fmla="*/ 877302 h 987937"/>
                <a:gd name="connsiteX26" fmla="*/ 644460 w 2615328"/>
                <a:gd name="connsiteY26" fmla="*/ 837819 h 987937"/>
                <a:gd name="connsiteX27" fmla="*/ 575305 w 2615328"/>
                <a:gd name="connsiteY27" fmla="*/ 854262 h 987937"/>
                <a:gd name="connsiteX28" fmla="*/ 482398 w 2615328"/>
                <a:gd name="connsiteY28" fmla="*/ 877302 h 987937"/>
                <a:gd name="connsiteX29" fmla="*/ 340601 w 2615328"/>
                <a:gd name="connsiteY29" fmla="*/ 817789 h 987937"/>
                <a:gd name="connsiteX30" fmla="*/ 198806 w 2615328"/>
                <a:gd name="connsiteY30" fmla="*/ 877302 h 987937"/>
                <a:gd name="connsiteX31" fmla="*/ 0 w 2615328"/>
                <a:gd name="connsiteY31" fmla="*/ 678497 h 987937"/>
                <a:gd name="connsiteX32" fmla="*/ 126436 w 2615328"/>
                <a:gd name="connsiteY32" fmla="*/ 493360 h 9879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2615328" h="987937">
                  <a:moveTo>
                    <a:pt x="126436" y="493360"/>
                  </a:moveTo>
                  <a:cubicBezTo>
                    <a:pt x="146262" y="404479"/>
                    <a:pt x="225568" y="338030"/>
                    <a:pt x="320404" y="338030"/>
                  </a:cubicBezTo>
                  <a:cubicBezTo>
                    <a:pt x="352681" y="338030"/>
                    <a:pt x="383131" y="345778"/>
                    <a:pt x="410096" y="359413"/>
                  </a:cubicBezTo>
                  <a:cubicBezTo>
                    <a:pt x="450595" y="277942"/>
                    <a:pt x="534672" y="221948"/>
                    <a:pt x="631807" y="221948"/>
                  </a:cubicBezTo>
                  <a:cubicBezTo>
                    <a:pt x="660937" y="221948"/>
                    <a:pt x="688883" y="226989"/>
                    <a:pt x="714835" y="236225"/>
                  </a:cubicBezTo>
                  <a:cubicBezTo>
                    <a:pt x="762167" y="138819"/>
                    <a:pt x="862078" y="71659"/>
                    <a:pt x="977652" y="71659"/>
                  </a:cubicBezTo>
                  <a:cubicBezTo>
                    <a:pt x="1073706" y="71659"/>
                    <a:pt x="1158932" y="118045"/>
                    <a:pt x="1212152" y="189603"/>
                  </a:cubicBezTo>
                  <a:cubicBezTo>
                    <a:pt x="1253633" y="78832"/>
                    <a:pt x="1360445" y="0"/>
                    <a:pt x="1485696" y="0"/>
                  </a:cubicBezTo>
                  <a:cubicBezTo>
                    <a:pt x="1628339" y="0"/>
                    <a:pt x="1747093" y="102279"/>
                    <a:pt x="1772638" y="237511"/>
                  </a:cubicBezTo>
                  <a:cubicBezTo>
                    <a:pt x="1831204" y="171806"/>
                    <a:pt x="1916464" y="130394"/>
                    <a:pt x="2011435" y="130394"/>
                  </a:cubicBezTo>
                  <a:cubicBezTo>
                    <a:pt x="2181989" y="130394"/>
                    <a:pt x="2321316" y="263901"/>
                    <a:pt x="2330688" y="432121"/>
                  </a:cubicBezTo>
                  <a:cubicBezTo>
                    <a:pt x="2354507" y="422682"/>
                    <a:pt x="2380457" y="417471"/>
                    <a:pt x="2407659" y="417471"/>
                  </a:cubicBezTo>
                  <a:cubicBezTo>
                    <a:pt x="2523302" y="417471"/>
                    <a:pt x="2617055" y="511224"/>
                    <a:pt x="2617055" y="626867"/>
                  </a:cubicBezTo>
                  <a:cubicBezTo>
                    <a:pt x="2617055" y="742509"/>
                    <a:pt x="2523302" y="836262"/>
                    <a:pt x="2407659" y="836262"/>
                  </a:cubicBezTo>
                  <a:cubicBezTo>
                    <a:pt x="2363879" y="836262"/>
                    <a:pt x="2323244" y="822796"/>
                    <a:pt x="2289648" y="799857"/>
                  </a:cubicBezTo>
                  <a:cubicBezTo>
                    <a:pt x="2251483" y="840051"/>
                    <a:pt x="2197587" y="865122"/>
                    <a:pt x="2137837" y="865122"/>
                  </a:cubicBezTo>
                  <a:cubicBezTo>
                    <a:pt x="2084313" y="865122"/>
                    <a:pt x="2035524" y="845025"/>
                    <a:pt x="1998510" y="812004"/>
                  </a:cubicBezTo>
                  <a:cubicBezTo>
                    <a:pt x="1946203" y="917361"/>
                    <a:pt x="1837530" y="989798"/>
                    <a:pt x="1711941" y="989798"/>
                  </a:cubicBezTo>
                  <a:cubicBezTo>
                    <a:pt x="1582021" y="989798"/>
                    <a:pt x="1470200" y="912320"/>
                    <a:pt x="1420161" y="801075"/>
                  </a:cubicBezTo>
                  <a:cubicBezTo>
                    <a:pt x="1390421" y="811293"/>
                    <a:pt x="1358517" y="816842"/>
                    <a:pt x="1325291" y="816842"/>
                  </a:cubicBezTo>
                  <a:cubicBezTo>
                    <a:pt x="1316225" y="816842"/>
                    <a:pt x="1307225" y="816402"/>
                    <a:pt x="1298360" y="815590"/>
                  </a:cubicBezTo>
                  <a:cubicBezTo>
                    <a:pt x="1262870" y="848611"/>
                    <a:pt x="1215299" y="868844"/>
                    <a:pt x="1163026" y="868844"/>
                  </a:cubicBezTo>
                  <a:cubicBezTo>
                    <a:pt x="1120227" y="868844"/>
                    <a:pt x="1080641" y="855277"/>
                    <a:pt x="1048195" y="832270"/>
                  </a:cubicBezTo>
                  <a:cubicBezTo>
                    <a:pt x="1017644" y="843130"/>
                    <a:pt x="984758" y="849051"/>
                    <a:pt x="950485" y="849051"/>
                  </a:cubicBezTo>
                  <a:cubicBezTo>
                    <a:pt x="925785" y="849051"/>
                    <a:pt x="901833" y="845972"/>
                    <a:pt x="878927" y="840221"/>
                  </a:cubicBezTo>
                  <a:cubicBezTo>
                    <a:pt x="846344" y="863532"/>
                    <a:pt x="806489" y="877302"/>
                    <a:pt x="763385" y="877302"/>
                  </a:cubicBezTo>
                  <a:cubicBezTo>
                    <a:pt x="718793" y="877302"/>
                    <a:pt x="677618" y="862618"/>
                    <a:pt x="644460" y="837819"/>
                  </a:cubicBezTo>
                  <a:cubicBezTo>
                    <a:pt x="623111" y="847190"/>
                    <a:pt x="599801" y="852976"/>
                    <a:pt x="575305" y="854262"/>
                  </a:cubicBezTo>
                  <a:cubicBezTo>
                    <a:pt x="547562" y="868945"/>
                    <a:pt x="515961" y="877302"/>
                    <a:pt x="482398" y="877302"/>
                  </a:cubicBezTo>
                  <a:cubicBezTo>
                    <a:pt x="426844" y="877302"/>
                    <a:pt x="376668" y="854498"/>
                    <a:pt x="340601" y="817789"/>
                  </a:cubicBezTo>
                  <a:cubicBezTo>
                    <a:pt x="304536" y="854498"/>
                    <a:pt x="254326" y="877302"/>
                    <a:pt x="198806" y="877302"/>
                  </a:cubicBezTo>
                  <a:cubicBezTo>
                    <a:pt x="89016" y="877302"/>
                    <a:pt x="0" y="788286"/>
                    <a:pt x="0" y="678497"/>
                  </a:cubicBezTo>
                  <a:cubicBezTo>
                    <a:pt x="-33" y="594285"/>
                    <a:pt x="52409" y="522287"/>
                    <a:pt x="126436" y="493360"/>
                  </a:cubicBezTo>
                  <a:close/>
                </a:path>
              </a:pathLst>
            </a:custGeom>
            <a:solidFill>
              <a:srgbClr val="6586DC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56" name="Freeform: Shape 155">
              <a:extLst>
                <a:ext uri="{FF2B5EF4-FFF2-40B4-BE49-F238E27FC236}">
                  <a16:creationId xmlns="" xmlns:a16="http://schemas.microsoft.com/office/drawing/2014/main" id="{A91C8ECC-DF49-49A9-8D0E-3007E3E759C1}"/>
                </a:ext>
              </a:extLst>
            </p:cNvPr>
            <p:cNvSpPr/>
            <p:nvPr/>
          </p:nvSpPr>
          <p:spPr>
            <a:xfrm>
              <a:off x="9176297" y="846171"/>
              <a:ext cx="4745378" cy="1594486"/>
            </a:xfrm>
            <a:custGeom>
              <a:avLst/>
              <a:gdLst>
                <a:gd name="connsiteX0" fmla="*/ 3187047 w 3373198"/>
                <a:gd name="connsiteY0" fmla="*/ 642092 h 1133421"/>
                <a:gd name="connsiteX1" fmla="*/ 3119853 w 3373198"/>
                <a:gd name="connsiteY1" fmla="*/ 654407 h 1133421"/>
                <a:gd name="connsiteX2" fmla="*/ 3059359 w 3373198"/>
                <a:gd name="connsiteY2" fmla="*/ 619220 h 1133421"/>
                <a:gd name="connsiteX3" fmla="*/ 2837107 w 3373198"/>
                <a:gd name="connsiteY3" fmla="*/ 441256 h 1133421"/>
                <a:gd name="connsiteX4" fmla="*/ 2734354 w 3373198"/>
                <a:gd name="connsiteY4" fmla="*/ 465785 h 1133421"/>
                <a:gd name="connsiteX5" fmla="*/ 2480332 w 3373198"/>
                <a:gd name="connsiteY5" fmla="*/ 308291 h 1133421"/>
                <a:gd name="connsiteX6" fmla="*/ 2409655 w 3373198"/>
                <a:gd name="connsiteY6" fmla="*/ 317189 h 1133421"/>
                <a:gd name="connsiteX7" fmla="*/ 2094969 w 3373198"/>
                <a:gd name="connsiteY7" fmla="*/ 114425 h 1133421"/>
                <a:gd name="connsiteX8" fmla="*/ 1819497 w 3373198"/>
                <a:gd name="connsiteY8" fmla="*/ 251417 h 1133421"/>
                <a:gd name="connsiteX9" fmla="*/ 1475004 w 3373198"/>
                <a:gd name="connsiteY9" fmla="*/ 0 h 1133421"/>
                <a:gd name="connsiteX10" fmla="*/ 1122798 w 3373198"/>
                <a:gd name="connsiteY10" fmla="*/ 279261 h 1133421"/>
                <a:gd name="connsiteX11" fmla="*/ 899700 w 3373198"/>
                <a:gd name="connsiteY11" fmla="*/ 203475 h 1133421"/>
                <a:gd name="connsiteX12" fmla="*/ 547662 w 3373198"/>
                <a:gd name="connsiteY12" fmla="*/ 468086 h 1133421"/>
                <a:gd name="connsiteX13" fmla="*/ 445756 w 3373198"/>
                <a:gd name="connsiteY13" fmla="*/ 449072 h 1133421"/>
                <a:gd name="connsiteX14" fmla="*/ 182937 w 3373198"/>
                <a:gd name="connsiteY14" fmla="*/ 629438 h 1133421"/>
                <a:gd name="connsiteX15" fmla="*/ 0 w 3373198"/>
                <a:gd name="connsiteY15" fmla="*/ 829259 h 1133421"/>
                <a:gd name="connsiteX16" fmla="*/ 200633 w 3373198"/>
                <a:gd name="connsiteY16" fmla="*/ 1029891 h 1133421"/>
                <a:gd name="connsiteX17" fmla="*/ 326222 w 3373198"/>
                <a:gd name="connsiteY17" fmla="*/ 985671 h 1133421"/>
                <a:gd name="connsiteX18" fmla="*/ 445790 w 3373198"/>
                <a:gd name="connsiteY18" fmla="*/ 1012264 h 1133421"/>
                <a:gd name="connsiteX19" fmla="*/ 585489 w 3373198"/>
                <a:gd name="connsiteY19" fmla="*/ 975216 h 1133421"/>
                <a:gd name="connsiteX20" fmla="*/ 754960 w 3373198"/>
                <a:gd name="connsiteY20" fmla="*/ 1045319 h 1133421"/>
                <a:gd name="connsiteX21" fmla="*/ 903692 w 3373198"/>
                <a:gd name="connsiteY21" fmla="*/ 993588 h 1133421"/>
                <a:gd name="connsiteX22" fmla="*/ 1193205 w 3373198"/>
                <a:gd name="connsiteY22" fmla="*/ 1135452 h 1133421"/>
                <a:gd name="connsiteX23" fmla="*/ 1515537 w 3373198"/>
                <a:gd name="connsiteY23" fmla="*/ 943379 h 1133421"/>
                <a:gd name="connsiteX24" fmla="*/ 1685923 w 3373198"/>
                <a:gd name="connsiteY24" fmla="*/ 989968 h 1133421"/>
                <a:gd name="connsiteX25" fmla="*/ 1716778 w 3373198"/>
                <a:gd name="connsiteY25" fmla="*/ 988547 h 1133421"/>
                <a:gd name="connsiteX26" fmla="*/ 1871871 w 3373198"/>
                <a:gd name="connsiteY26" fmla="*/ 1049548 h 1133421"/>
                <a:gd name="connsiteX27" fmla="*/ 2003416 w 3373198"/>
                <a:gd name="connsiteY27" fmla="*/ 1007663 h 1133421"/>
                <a:gd name="connsiteX28" fmla="*/ 2115371 w 3373198"/>
                <a:gd name="connsiteY28" fmla="*/ 1026880 h 1133421"/>
                <a:gd name="connsiteX29" fmla="*/ 2197349 w 3373198"/>
                <a:gd name="connsiteY29" fmla="*/ 1016730 h 1133421"/>
                <a:gd name="connsiteX30" fmla="*/ 2329739 w 3373198"/>
                <a:gd name="connsiteY30" fmla="*/ 1059225 h 1133421"/>
                <a:gd name="connsiteX31" fmla="*/ 2466021 w 3373198"/>
                <a:gd name="connsiteY31" fmla="*/ 1013990 h 1133421"/>
                <a:gd name="connsiteX32" fmla="*/ 2545259 w 3373198"/>
                <a:gd name="connsiteY32" fmla="*/ 1032835 h 1133421"/>
                <a:gd name="connsiteX33" fmla="*/ 2651699 w 3373198"/>
                <a:gd name="connsiteY33" fmla="*/ 1059225 h 1133421"/>
                <a:gd name="connsiteX34" fmla="*/ 2814168 w 3373198"/>
                <a:gd name="connsiteY34" fmla="*/ 991050 h 1133421"/>
                <a:gd name="connsiteX35" fmla="*/ 2976636 w 3373198"/>
                <a:gd name="connsiteY35" fmla="*/ 1059225 h 1133421"/>
                <a:gd name="connsiteX36" fmla="*/ 3119988 w 3373198"/>
                <a:gd name="connsiteY36" fmla="*/ 1008407 h 1133421"/>
                <a:gd name="connsiteX37" fmla="*/ 3187182 w 3373198"/>
                <a:gd name="connsiteY37" fmla="*/ 1020722 h 1133421"/>
                <a:gd name="connsiteX38" fmla="*/ 3376480 w 3373198"/>
                <a:gd name="connsiteY38" fmla="*/ 831424 h 1133421"/>
                <a:gd name="connsiteX39" fmla="*/ 3187047 w 3373198"/>
                <a:gd name="connsiteY39" fmla="*/ 642092 h 113342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</a:cxnLst>
              <a:rect l="l" t="t" r="r" b="b"/>
              <a:pathLst>
                <a:path w="3373198" h="1133421">
                  <a:moveTo>
                    <a:pt x="3187047" y="642092"/>
                  </a:moveTo>
                  <a:cubicBezTo>
                    <a:pt x="3163397" y="642092"/>
                    <a:pt x="3140763" y="646456"/>
                    <a:pt x="3119853" y="654407"/>
                  </a:cubicBezTo>
                  <a:cubicBezTo>
                    <a:pt x="3101786" y="639757"/>
                    <a:pt x="3081385" y="627814"/>
                    <a:pt x="3059359" y="619220"/>
                  </a:cubicBezTo>
                  <a:cubicBezTo>
                    <a:pt x="3036623" y="517382"/>
                    <a:pt x="2945780" y="441256"/>
                    <a:pt x="2837107" y="441256"/>
                  </a:cubicBezTo>
                  <a:cubicBezTo>
                    <a:pt x="2800126" y="441256"/>
                    <a:pt x="2765244" y="450121"/>
                    <a:pt x="2734354" y="465785"/>
                  </a:cubicBezTo>
                  <a:cubicBezTo>
                    <a:pt x="2687935" y="372439"/>
                    <a:pt x="2591645" y="308291"/>
                    <a:pt x="2480332" y="308291"/>
                  </a:cubicBezTo>
                  <a:cubicBezTo>
                    <a:pt x="2455939" y="308291"/>
                    <a:pt x="2432255" y="311369"/>
                    <a:pt x="2409655" y="317189"/>
                  </a:cubicBezTo>
                  <a:cubicBezTo>
                    <a:pt x="2355352" y="197587"/>
                    <a:pt x="2234871" y="114425"/>
                    <a:pt x="2094969" y="114425"/>
                  </a:cubicBezTo>
                  <a:cubicBezTo>
                    <a:pt x="1982507" y="114425"/>
                    <a:pt x="1882596" y="168186"/>
                    <a:pt x="1819497" y="251417"/>
                  </a:cubicBezTo>
                  <a:cubicBezTo>
                    <a:pt x="1772875" y="105594"/>
                    <a:pt x="1636288" y="0"/>
                    <a:pt x="1475004" y="0"/>
                  </a:cubicBezTo>
                  <a:cubicBezTo>
                    <a:pt x="1303637" y="0"/>
                    <a:pt x="1160082" y="119229"/>
                    <a:pt x="1122798" y="279261"/>
                  </a:cubicBezTo>
                  <a:cubicBezTo>
                    <a:pt x="1061018" y="231759"/>
                    <a:pt x="983641" y="203475"/>
                    <a:pt x="899700" y="203475"/>
                  </a:cubicBezTo>
                  <a:cubicBezTo>
                    <a:pt x="732664" y="203475"/>
                    <a:pt x="591781" y="315260"/>
                    <a:pt x="547662" y="468086"/>
                  </a:cubicBezTo>
                  <a:cubicBezTo>
                    <a:pt x="516062" y="455805"/>
                    <a:pt x="481687" y="449072"/>
                    <a:pt x="445756" y="449072"/>
                  </a:cubicBezTo>
                  <a:cubicBezTo>
                    <a:pt x="325917" y="449072"/>
                    <a:pt x="223571" y="523945"/>
                    <a:pt x="182937" y="629438"/>
                  </a:cubicBezTo>
                  <a:cubicBezTo>
                    <a:pt x="80422" y="638404"/>
                    <a:pt x="0" y="724409"/>
                    <a:pt x="0" y="829259"/>
                  </a:cubicBezTo>
                  <a:cubicBezTo>
                    <a:pt x="0" y="940063"/>
                    <a:pt x="89828" y="1029891"/>
                    <a:pt x="200633" y="1029891"/>
                  </a:cubicBezTo>
                  <a:cubicBezTo>
                    <a:pt x="248202" y="1029891"/>
                    <a:pt x="291848" y="1013313"/>
                    <a:pt x="326222" y="985671"/>
                  </a:cubicBezTo>
                  <a:cubicBezTo>
                    <a:pt x="362525" y="1002723"/>
                    <a:pt x="403024" y="1012264"/>
                    <a:pt x="445790" y="1012264"/>
                  </a:cubicBezTo>
                  <a:cubicBezTo>
                    <a:pt x="496608" y="1012264"/>
                    <a:pt x="544313" y="998798"/>
                    <a:pt x="585489" y="975216"/>
                  </a:cubicBezTo>
                  <a:cubicBezTo>
                    <a:pt x="628896" y="1018523"/>
                    <a:pt x="688782" y="1045319"/>
                    <a:pt x="754960" y="1045319"/>
                  </a:cubicBezTo>
                  <a:cubicBezTo>
                    <a:pt x="811158" y="1045319"/>
                    <a:pt x="862822" y="1025933"/>
                    <a:pt x="903692" y="993588"/>
                  </a:cubicBezTo>
                  <a:cubicBezTo>
                    <a:pt x="970716" y="1079897"/>
                    <a:pt x="1075465" y="1135452"/>
                    <a:pt x="1193205" y="1135452"/>
                  </a:cubicBezTo>
                  <a:cubicBezTo>
                    <a:pt x="1332430" y="1135452"/>
                    <a:pt x="1453554" y="1057770"/>
                    <a:pt x="1515537" y="943379"/>
                  </a:cubicBezTo>
                  <a:cubicBezTo>
                    <a:pt x="1565441" y="972983"/>
                    <a:pt x="1623702" y="989968"/>
                    <a:pt x="1685923" y="989968"/>
                  </a:cubicBezTo>
                  <a:cubicBezTo>
                    <a:pt x="1696343" y="989968"/>
                    <a:pt x="1706628" y="989460"/>
                    <a:pt x="1716778" y="988547"/>
                  </a:cubicBezTo>
                  <a:cubicBezTo>
                    <a:pt x="1757446" y="1026372"/>
                    <a:pt x="1811919" y="1049548"/>
                    <a:pt x="1871871" y="1049548"/>
                  </a:cubicBezTo>
                  <a:cubicBezTo>
                    <a:pt x="1920896" y="1049548"/>
                    <a:pt x="1966266" y="1034019"/>
                    <a:pt x="2003416" y="1007663"/>
                  </a:cubicBezTo>
                  <a:cubicBezTo>
                    <a:pt x="2038434" y="1020079"/>
                    <a:pt x="2076124" y="1026880"/>
                    <a:pt x="2115371" y="1026880"/>
                  </a:cubicBezTo>
                  <a:cubicBezTo>
                    <a:pt x="2143655" y="1026880"/>
                    <a:pt x="2171128" y="1023361"/>
                    <a:pt x="2197349" y="1016730"/>
                  </a:cubicBezTo>
                  <a:cubicBezTo>
                    <a:pt x="2234668" y="1043424"/>
                    <a:pt x="2280343" y="1059225"/>
                    <a:pt x="2329739" y="1059225"/>
                  </a:cubicBezTo>
                  <a:cubicBezTo>
                    <a:pt x="2380828" y="1059225"/>
                    <a:pt x="2427992" y="1042410"/>
                    <a:pt x="2466021" y="1013990"/>
                  </a:cubicBezTo>
                  <a:cubicBezTo>
                    <a:pt x="2490482" y="1024749"/>
                    <a:pt x="2517177" y="1031346"/>
                    <a:pt x="2545259" y="1032835"/>
                  </a:cubicBezTo>
                  <a:cubicBezTo>
                    <a:pt x="2577029" y="1049650"/>
                    <a:pt x="2613230" y="1059225"/>
                    <a:pt x="2651699" y="1059225"/>
                  </a:cubicBezTo>
                  <a:cubicBezTo>
                    <a:pt x="2715340" y="1059225"/>
                    <a:pt x="2772823" y="1033105"/>
                    <a:pt x="2814168" y="991050"/>
                  </a:cubicBezTo>
                  <a:cubicBezTo>
                    <a:pt x="2855478" y="1033105"/>
                    <a:pt x="2912995" y="1059225"/>
                    <a:pt x="2976636" y="1059225"/>
                  </a:cubicBezTo>
                  <a:cubicBezTo>
                    <a:pt x="3030972" y="1059225"/>
                    <a:pt x="3080843" y="1040177"/>
                    <a:pt x="3119988" y="1008407"/>
                  </a:cubicBezTo>
                  <a:cubicBezTo>
                    <a:pt x="3140863" y="1016324"/>
                    <a:pt x="3163499" y="1020722"/>
                    <a:pt x="3187182" y="1020722"/>
                  </a:cubicBezTo>
                  <a:cubicBezTo>
                    <a:pt x="3291727" y="1020722"/>
                    <a:pt x="3376480" y="935970"/>
                    <a:pt x="3376480" y="831424"/>
                  </a:cubicBezTo>
                  <a:cubicBezTo>
                    <a:pt x="3376480" y="726878"/>
                    <a:pt x="3291592" y="642092"/>
                    <a:pt x="3187047" y="642092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57" name="Freeform: Shape 156">
              <a:extLst>
                <a:ext uri="{FF2B5EF4-FFF2-40B4-BE49-F238E27FC236}">
                  <a16:creationId xmlns="" xmlns:a16="http://schemas.microsoft.com/office/drawing/2014/main" id="{2498A33E-85BB-4DA1-A45A-57ED8584E44B}"/>
                </a:ext>
              </a:extLst>
            </p:cNvPr>
            <p:cNvSpPr/>
            <p:nvPr/>
          </p:nvSpPr>
          <p:spPr>
            <a:xfrm>
              <a:off x="7450922" y="1168893"/>
              <a:ext cx="8196128" cy="1518330"/>
            </a:xfrm>
            <a:custGeom>
              <a:avLst/>
              <a:gdLst>
                <a:gd name="connsiteX0" fmla="*/ 5826194 w 5826125"/>
                <a:gd name="connsiteY0" fmla="*/ 957149 h 1079288"/>
                <a:gd name="connsiteX1" fmla="*/ 5803153 w 5826125"/>
                <a:gd name="connsiteY1" fmla="*/ 1080371 h 1079288"/>
                <a:gd name="connsiteX2" fmla="*/ 52136 w 5826125"/>
                <a:gd name="connsiteY2" fmla="*/ 1080371 h 1079288"/>
                <a:gd name="connsiteX3" fmla="*/ 0 w 5826125"/>
                <a:gd name="connsiteY3" fmla="*/ 895775 h 1079288"/>
                <a:gd name="connsiteX4" fmla="*/ 343071 w 5826125"/>
                <a:gd name="connsiteY4" fmla="*/ 543264 h 1079288"/>
                <a:gd name="connsiteX5" fmla="*/ 783516 w 5826125"/>
                <a:gd name="connsiteY5" fmla="*/ 263258 h 1079288"/>
                <a:gd name="connsiteX6" fmla="*/ 1137819 w 5826125"/>
                <a:gd name="connsiteY6" fmla="*/ 416524 h 1079288"/>
                <a:gd name="connsiteX7" fmla="*/ 1364064 w 5826125"/>
                <a:gd name="connsiteY7" fmla="*/ 305009 h 1079288"/>
                <a:gd name="connsiteX8" fmla="*/ 1636863 w 5826125"/>
                <a:gd name="connsiteY8" fmla="*/ 506792 h 1079288"/>
                <a:gd name="connsiteX9" fmla="*/ 2068647 w 5826125"/>
                <a:gd name="connsiteY9" fmla="*/ 203407 h 1079288"/>
                <a:gd name="connsiteX10" fmla="*/ 2290560 w 5826125"/>
                <a:gd name="connsiteY10" fmla="*/ 260586 h 1079288"/>
                <a:gd name="connsiteX11" fmla="*/ 2700690 w 5826125"/>
                <a:gd name="connsiteY11" fmla="*/ 0 h 1079288"/>
                <a:gd name="connsiteX12" fmla="*/ 3144010 w 5826125"/>
                <a:gd name="connsiteY12" fmla="*/ 360191 h 1079288"/>
                <a:gd name="connsiteX13" fmla="*/ 3163261 w 5826125"/>
                <a:gd name="connsiteY13" fmla="*/ 364928 h 1079288"/>
                <a:gd name="connsiteX14" fmla="*/ 3565474 w 5826125"/>
                <a:gd name="connsiteY14" fmla="*/ 91926 h 1079288"/>
                <a:gd name="connsiteX15" fmla="*/ 3959532 w 5826125"/>
                <a:gd name="connsiteY15" fmla="*/ 345846 h 1079288"/>
                <a:gd name="connsiteX16" fmla="*/ 4048074 w 5826125"/>
                <a:gd name="connsiteY16" fmla="*/ 334715 h 1079288"/>
                <a:gd name="connsiteX17" fmla="*/ 4366177 w 5826125"/>
                <a:gd name="connsiteY17" fmla="*/ 531896 h 1079288"/>
                <a:gd name="connsiteX18" fmla="*/ 4494879 w 5826125"/>
                <a:gd name="connsiteY18" fmla="*/ 501277 h 1079288"/>
                <a:gd name="connsiteX19" fmla="*/ 4732797 w 5826125"/>
                <a:gd name="connsiteY19" fmla="*/ 629134 h 1079288"/>
                <a:gd name="connsiteX20" fmla="*/ 5120698 w 5826125"/>
                <a:gd name="connsiteY20" fmla="*/ 377446 h 1079288"/>
                <a:gd name="connsiteX21" fmla="*/ 5387272 w 5826125"/>
                <a:gd name="connsiteY21" fmla="*/ 471571 h 1079288"/>
                <a:gd name="connsiteX22" fmla="*/ 5479230 w 5826125"/>
                <a:gd name="connsiteY22" fmla="*/ 470928 h 1079288"/>
                <a:gd name="connsiteX23" fmla="*/ 5717317 w 5826125"/>
                <a:gd name="connsiteY23" fmla="*/ 708135 h 1079288"/>
                <a:gd name="connsiteX24" fmla="*/ 5826194 w 5826125"/>
                <a:gd name="connsiteY24" fmla="*/ 957149 h 107928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</a:cxnLst>
              <a:rect l="l" t="t" r="r" b="b"/>
              <a:pathLst>
                <a:path w="5826125" h="1079288">
                  <a:moveTo>
                    <a:pt x="5826194" y="957149"/>
                  </a:moveTo>
                  <a:cubicBezTo>
                    <a:pt x="5826194" y="1000625"/>
                    <a:pt x="5818006" y="1042173"/>
                    <a:pt x="5803153" y="1080371"/>
                  </a:cubicBezTo>
                  <a:lnTo>
                    <a:pt x="52136" y="1080371"/>
                  </a:lnTo>
                  <a:cubicBezTo>
                    <a:pt x="19081" y="1026677"/>
                    <a:pt x="0" y="963476"/>
                    <a:pt x="0" y="895775"/>
                  </a:cubicBezTo>
                  <a:cubicBezTo>
                    <a:pt x="0" y="704244"/>
                    <a:pt x="152758" y="548339"/>
                    <a:pt x="343071" y="543264"/>
                  </a:cubicBezTo>
                  <a:cubicBezTo>
                    <a:pt x="420685" y="377852"/>
                    <a:pt x="588668" y="263258"/>
                    <a:pt x="783516" y="263258"/>
                  </a:cubicBezTo>
                  <a:cubicBezTo>
                    <a:pt x="923215" y="263258"/>
                    <a:pt x="1049142" y="322196"/>
                    <a:pt x="1137819" y="416524"/>
                  </a:cubicBezTo>
                  <a:cubicBezTo>
                    <a:pt x="1189990" y="348722"/>
                    <a:pt x="1271868" y="305009"/>
                    <a:pt x="1364064" y="305009"/>
                  </a:cubicBezTo>
                  <a:cubicBezTo>
                    <a:pt x="1492529" y="305009"/>
                    <a:pt x="1601203" y="389999"/>
                    <a:pt x="1636863" y="506792"/>
                  </a:cubicBezTo>
                  <a:cubicBezTo>
                    <a:pt x="1700539" y="329910"/>
                    <a:pt x="1869807" y="203407"/>
                    <a:pt x="2068647" y="203407"/>
                  </a:cubicBezTo>
                  <a:cubicBezTo>
                    <a:pt x="2149137" y="203407"/>
                    <a:pt x="2224788" y="224147"/>
                    <a:pt x="2290560" y="260586"/>
                  </a:cubicBezTo>
                  <a:cubicBezTo>
                    <a:pt x="2362863" y="106609"/>
                    <a:pt x="2519309" y="0"/>
                    <a:pt x="2700690" y="0"/>
                  </a:cubicBezTo>
                  <a:cubicBezTo>
                    <a:pt x="2919017" y="0"/>
                    <a:pt x="3101278" y="154517"/>
                    <a:pt x="3144010" y="360191"/>
                  </a:cubicBezTo>
                  <a:cubicBezTo>
                    <a:pt x="3150505" y="361612"/>
                    <a:pt x="3156900" y="363203"/>
                    <a:pt x="3163261" y="364928"/>
                  </a:cubicBezTo>
                  <a:cubicBezTo>
                    <a:pt x="3226801" y="204997"/>
                    <a:pt x="3382942" y="91926"/>
                    <a:pt x="3565474" y="91926"/>
                  </a:cubicBezTo>
                  <a:cubicBezTo>
                    <a:pt x="3740663" y="91926"/>
                    <a:pt x="3891526" y="196065"/>
                    <a:pt x="3959532" y="345846"/>
                  </a:cubicBezTo>
                  <a:cubicBezTo>
                    <a:pt x="3987851" y="338606"/>
                    <a:pt x="4017488" y="334715"/>
                    <a:pt x="4048074" y="334715"/>
                  </a:cubicBezTo>
                  <a:cubicBezTo>
                    <a:pt x="4187434" y="334715"/>
                    <a:pt x="4308052" y="415035"/>
                    <a:pt x="4366177" y="531896"/>
                  </a:cubicBezTo>
                  <a:cubicBezTo>
                    <a:pt x="4404849" y="512307"/>
                    <a:pt x="4448561" y="501277"/>
                    <a:pt x="4494879" y="501277"/>
                  </a:cubicBezTo>
                  <a:cubicBezTo>
                    <a:pt x="4594214" y="501277"/>
                    <a:pt x="4681709" y="552095"/>
                    <a:pt x="4732797" y="629134"/>
                  </a:cubicBezTo>
                  <a:cubicBezTo>
                    <a:pt x="4799009" y="480841"/>
                    <a:pt x="4947809" y="377446"/>
                    <a:pt x="5120698" y="377446"/>
                  </a:cubicBezTo>
                  <a:cubicBezTo>
                    <a:pt x="5221691" y="377446"/>
                    <a:pt x="5314395" y="412701"/>
                    <a:pt x="5387272" y="471571"/>
                  </a:cubicBezTo>
                  <a:cubicBezTo>
                    <a:pt x="5416909" y="466496"/>
                    <a:pt x="5447867" y="466056"/>
                    <a:pt x="5479230" y="470928"/>
                  </a:cubicBezTo>
                  <a:cubicBezTo>
                    <a:pt x="5604821" y="490383"/>
                    <a:pt x="5698438" y="589007"/>
                    <a:pt x="5717317" y="708135"/>
                  </a:cubicBezTo>
                  <a:cubicBezTo>
                    <a:pt x="5784274" y="770050"/>
                    <a:pt x="5826194" y="858694"/>
                    <a:pt x="5826194" y="957149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58" name="Group 157">
            <a:extLst>
              <a:ext uri="{FF2B5EF4-FFF2-40B4-BE49-F238E27FC236}">
                <a16:creationId xmlns="" xmlns:a16="http://schemas.microsoft.com/office/drawing/2014/main" id="{8428D489-F821-465D-A92F-F175EBF77ACB}"/>
              </a:ext>
            </a:extLst>
          </p:cNvPr>
          <p:cNvGrpSpPr/>
          <p:nvPr/>
        </p:nvGrpSpPr>
        <p:grpSpPr>
          <a:xfrm>
            <a:off x="1304664" y="2536239"/>
            <a:ext cx="4248672" cy="763242"/>
            <a:chOff x="13402607" y="9185703"/>
            <a:chExt cx="9587459" cy="1879729"/>
          </a:xfrm>
        </p:grpSpPr>
        <p:sp>
          <p:nvSpPr>
            <p:cNvPr id="159" name="Rectangle: Rounded Corners 158">
              <a:hlinkClick r:id="rId6" action="ppaction://hlinksldjump"/>
              <a:extLst>
                <a:ext uri="{FF2B5EF4-FFF2-40B4-BE49-F238E27FC236}">
                  <a16:creationId xmlns="" xmlns:a16="http://schemas.microsoft.com/office/drawing/2014/main" id="{399CD940-BE12-416A-A335-9A52BA0F2EDB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28565"/>
              <a:endParaRPr lang="en-US" sz="700" dirty="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60" name="TextBox 159">
              <a:hlinkClick r:id="rId6" action="ppaction://hlinksldjump"/>
              <a:extLst>
                <a:ext uri="{FF2B5EF4-FFF2-40B4-BE49-F238E27FC236}">
                  <a16:creationId xmlns="" xmlns:a16="http://schemas.microsoft.com/office/drawing/2014/main" id="{39B81694-5240-4E8F-A61F-BAF74F55F610}"/>
                </a:ext>
              </a:extLst>
            </p:cNvPr>
            <p:cNvSpPr txBox="1"/>
            <p:nvPr/>
          </p:nvSpPr>
          <p:spPr>
            <a:xfrm>
              <a:off x="15350914" y="9483409"/>
              <a:ext cx="3659986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 defTabSz="128565"/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MATERI 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PWP</a:t>
              </a:r>
              <a:endParaRPr lang="en-US" sz="2800" dirty="0">
                <a:solidFill>
                  <a:srgbClr val="E0E4F4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grpSp>
        <p:nvGrpSpPr>
          <p:cNvPr id="162" name="Group 161">
            <a:extLst>
              <a:ext uri="{FF2B5EF4-FFF2-40B4-BE49-F238E27FC236}">
                <a16:creationId xmlns="" xmlns:a16="http://schemas.microsoft.com/office/drawing/2014/main" id="{68307067-E7D7-D61A-C4D6-BDDC9D369AEF}"/>
              </a:ext>
            </a:extLst>
          </p:cNvPr>
          <p:cNvGrpSpPr/>
          <p:nvPr/>
        </p:nvGrpSpPr>
        <p:grpSpPr>
          <a:xfrm>
            <a:off x="1325573" y="3778414"/>
            <a:ext cx="4248672" cy="763242"/>
            <a:chOff x="13402607" y="9185703"/>
            <a:chExt cx="9587459" cy="1879729"/>
          </a:xfrm>
        </p:grpSpPr>
        <p:sp>
          <p:nvSpPr>
            <p:cNvPr id="163" name="Rectangle: Rounded Corners 162">
              <a:hlinkClick r:id="rId7" action="ppaction://hlinksldjump"/>
              <a:extLst>
                <a:ext uri="{FF2B5EF4-FFF2-40B4-BE49-F238E27FC236}">
                  <a16:creationId xmlns="" xmlns:a16="http://schemas.microsoft.com/office/drawing/2014/main" id="{3B3F216B-69B9-8178-7B5F-A2FECE5D03CB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46000">
                  <a:srgbClr val="F29122"/>
                </a:gs>
                <a:gs pos="32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28565"/>
              <a:endParaRPr lang="en-US" sz="700" dirty="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64" name="TextBox 163">
              <a:hlinkClick r:id="rId7" action="ppaction://hlinksldjump"/>
              <a:extLst>
                <a:ext uri="{FF2B5EF4-FFF2-40B4-BE49-F238E27FC236}">
                  <a16:creationId xmlns="" xmlns:a16="http://schemas.microsoft.com/office/drawing/2014/main" id="{DE0F7CAE-72E9-B9E3-A1D5-166F18BC2ED2}"/>
                </a:ext>
              </a:extLst>
            </p:cNvPr>
            <p:cNvSpPr txBox="1"/>
            <p:nvPr/>
          </p:nvSpPr>
          <p:spPr>
            <a:xfrm>
              <a:off x="14558950" y="9481269"/>
              <a:ext cx="477396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defTabSz="128565"/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1 NPWP</a:t>
              </a:r>
              <a:endParaRPr lang="en-US" sz="2800" dirty="0">
                <a:solidFill>
                  <a:srgbClr val="E0E4F4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grpSp>
        <p:nvGrpSpPr>
          <p:cNvPr id="170" name="Group 169"/>
          <p:cNvGrpSpPr/>
          <p:nvPr/>
        </p:nvGrpSpPr>
        <p:grpSpPr>
          <a:xfrm>
            <a:off x="1321560" y="4941470"/>
            <a:ext cx="4248672" cy="763242"/>
            <a:chOff x="1321560" y="4941470"/>
            <a:chExt cx="4248672" cy="763242"/>
          </a:xfrm>
        </p:grpSpPr>
        <p:sp>
          <p:nvSpPr>
            <p:cNvPr id="107" name="Rectangle: Rounded Corners 106">
              <a:hlinkClick r:id="rId8" action="ppaction://hlinksldjump"/>
              <a:extLst>
                <a:ext uri="{FF2B5EF4-FFF2-40B4-BE49-F238E27FC236}">
                  <a16:creationId xmlns="" xmlns:a16="http://schemas.microsoft.com/office/drawing/2014/main" id="{5E978CA5-D3AE-9C52-E969-0627D02624C6}"/>
                </a:ext>
              </a:extLst>
            </p:cNvPr>
            <p:cNvSpPr/>
            <p:nvPr/>
          </p:nvSpPr>
          <p:spPr>
            <a:xfrm>
              <a:off x="1321560" y="4941470"/>
              <a:ext cx="4248672" cy="763242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28565"/>
              <a:endParaRPr lang="en-US" sz="700" dirty="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08" name="TextBox 107">
              <a:hlinkClick r:id="rId8" action="ppaction://hlinksldjump"/>
              <a:extLst>
                <a:ext uri="{FF2B5EF4-FFF2-40B4-BE49-F238E27FC236}">
                  <a16:creationId xmlns="" xmlns:a16="http://schemas.microsoft.com/office/drawing/2014/main" id="{8EA2AE79-BF15-792F-C3C8-ED59E889A1A7}"/>
                </a:ext>
              </a:extLst>
            </p:cNvPr>
            <p:cNvSpPr txBox="1"/>
            <p:nvPr/>
          </p:nvSpPr>
          <p:spPr>
            <a:xfrm>
              <a:off x="1833992" y="5061481"/>
              <a:ext cx="2049857" cy="523220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defTabSz="128565"/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2 NPWP</a:t>
              </a:r>
              <a:endParaRPr lang="en-US" sz="2800" dirty="0">
                <a:solidFill>
                  <a:srgbClr val="E0E4F4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1026" name="Picture 2" descr="https://disk.mediaindonesia.com/files/news/2023/12/5757ea4da9e2fe2e61a1b8a3bddb5271.jpg"/>
          <p:cNvPicPr>
            <a:picLocks noChangeAspect="1" noChangeArrowheads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6748" y="7800465"/>
            <a:ext cx="5573702" cy="3984489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>
            <a:reflection blurRad="12700" stA="38000" endPos="28000" dist="5000" dir="5400000" sy="-100000" algn="bl" rotWithShape="0"/>
          </a:effectLst>
          <a:extLst/>
        </p:spPr>
      </p:pic>
      <p:pic>
        <p:nvPicPr>
          <p:cNvPr id="151" name="Picture 150">
            <a:extLst>
              <a:ext uri="{FF2B5EF4-FFF2-40B4-BE49-F238E27FC236}">
                <a16:creationId xmlns="" xmlns:a16="http://schemas.microsoft.com/office/drawing/2014/main" id="{13B42010-D634-4727-8B1C-C1AEF332989C}"/>
              </a:ext>
            </a:extLst>
          </p:cNvPr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86681" y="7291636"/>
            <a:ext cx="1326905" cy="1591576"/>
          </a:xfrm>
          <a:prstGeom prst="rect">
            <a:avLst/>
          </a:prstGeom>
        </p:spPr>
      </p:pic>
      <p:grpSp>
        <p:nvGrpSpPr>
          <p:cNvPr id="109" name="Group 108"/>
          <p:cNvGrpSpPr/>
          <p:nvPr/>
        </p:nvGrpSpPr>
        <p:grpSpPr>
          <a:xfrm>
            <a:off x="1303591" y="6041736"/>
            <a:ext cx="4248672" cy="763242"/>
            <a:chOff x="1303591" y="6041736"/>
            <a:chExt cx="4248672" cy="763242"/>
          </a:xfrm>
        </p:grpSpPr>
        <p:sp>
          <p:nvSpPr>
            <p:cNvPr id="167" name="Rectangle: Rounded Corners 106">
              <a:hlinkClick r:id="rId11"/>
              <a:extLst>
                <a:ext uri="{FF2B5EF4-FFF2-40B4-BE49-F238E27FC236}">
                  <a16:creationId xmlns="" xmlns:a16="http://schemas.microsoft.com/office/drawing/2014/main" id="{5E978CA5-D3AE-9C52-E969-0627D02624C6}"/>
                </a:ext>
              </a:extLst>
            </p:cNvPr>
            <p:cNvSpPr/>
            <p:nvPr/>
          </p:nvSpPr>
          <p:spPr>
            <a:xfrm>
              <a:off x="1303591" y="6041736"/>
              <a:ext cx="4248672" cy="763242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28565"/>
              <a:endParaRPr lang="en-US" sz="700" dirty="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68" name="TextBox 167">
              <a:hlinkClick r:id="rId11"/>
              <a:extLst>
                <a:ext uri="{FF2B5EF4-FFF2-40B4-BE49-F238E27FC236}">
                  <a16:creationId xmlns="" xmlns:a16="http://schemas.microsoft.com/office/drawing/2014/main" id="{8EA2AE79-BF15-792F-C3C8-ED59E889A1A7}"/>
                </a:ext>
              </a:extLst>
            </p:cNvPr>
            <p:cNvSpPr txBox="1"/>
            <p:nvPr/>
          </p:nvSpPr>
          <p:spPr>
            <a:xfrm>
              <a:off x="1816023" y="6161747"/>
              <a:ext cx="1379224" cy="523220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defTabSz="128565"/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FINAL QUIZ</a:t>
              </a:r>
              <a:endParaRPr lang="en-US" sz="2800" dirty="0">
                <a:solidFill>
                  <a:srgbClr val="E0E4F4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150" name="Picture 149">
            <a:extLst>
              <a:ext uri="{FF2B5EF4-FFF2-40B4-BE49-F238E27FC236}">
                <a16:creationId xmlns="" xmlns:a16="http://schemas.microsoft.com/office/drawing/2014/main" id="{AF24CB3D-A3EF-45C6-BAA8-3D7BF2A3569A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65208" y="5645420"/>
            <a:ext cx="1489887" cy="216659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810401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" dur="120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8" dur="3000" fill="hold"/>
                                        <p:tgtEl>
                                          <p:spTgt spid="15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>
            <a:extLst>
              <a:ext uri="{FF2B5EF4-FFF2-40B4-BE49-F238E27FC236}">
                <a16:creationId xmlns="" xmlns:a16="http://schemas.microsoft.com/office/drawing/2014/main" id="{BE3D1483-F178-4227-96D2-C5BFC15184F8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5" name="Group 4">
              <a:extLst>
                <a:ext uri="{FF2B5EF4-FFF2-40B4-BE49-F238E27FC236}">
                  <a16:creationId xmlns="" xmlns:a16="http://schemas.microsoft.com/office/drawing/2014/main" id="{ABC54933-8B8B-4940-89A1-CB66FD7E6EA3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74" name="Freeform: Shape 73">
                <a:extLst>
                  <a:ext uri="{FF2B5EF4-FFF2-40B4-BE49-F238E27FC236}">
                    <a16:creationId xmlns="" xmlns:a16="http://schemas.microsoft.com/office/drawing/2014/main" id="{76E8D545-54C0-4AEB-BF85-7634ECADED2B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5" name="Freeform: Shape 74">
                <a:extLst>
                  <a:ext uri="{FF2B5EF4-FFF2-40B4-BE49-F238E27FC236}">
                    <a16:creationId xmlns="" xmlns:a16="http://schemas.microsoft.com/office/drawing/2014/main" id="{36AF3396-096B-4759-8E8E-0A3DCB110A0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6" name="Freeform: Shape 75">
                <a:extLst>
                  <a:ext uri="{FF2B5EF4-FFF2-40B4-BE49-F238E27FC236}">
                    <a16:creationId xmlns="" xmlns:a16="http://schemas.microsoft.com/office/drawing/2014/main" id="{10D2573C-A4F2-455D-B159-78CFBB69463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7" name="Freeform: Shape 76">
                <a:extLst>
                  <a:ext uri="{FF2B5EF4-FFF2-40B4-BE49-F238E27FC236}">
                    <a16:creationId xmlns="" xmlns:a16="http://schemas.microsoft.com/office/drawing/2014/main" id="{4B02A2FF-85DA-4811-8510-90B65E87BA90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8" name="Freeform: Shape 77">
                <a:extLst>
                  <a:ext uri="{FF2B5EF4-FFF2-40B4-BE49-F238E27FC236}">
                    <a16:creationId xmlns="" xmlns:a16="http://schemas.microsoft.com/office/drawing/2014/main" id="{D4062509-D884-46F8-8EAF-EB8228AD359B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9" name="Freeform: Shape 78">
                <a:extLst>
                  <a:ext uri="{FF2B5EF4-FFF2-40B4-BE49-F238E27FC236}">
                    <a16:creationId xmlns="" xmlns:a16="http://schemas.microsoft.com/office/drawing/2014/main" id="{8D7FFDF5-AA94-4B44-A4ED-58E19CC044B6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0" name="Freeform: Shape 79">
                <a:extLst>
                  <a:ext uri="{FF2B5EF4-FFF2-40B4-BE49-F238E27FC236}">
                    <a16:creationId xmlns="" xmlns:a16="http://schemas.microsoft.com/office/drawing/2014/main" id="{285E1910-E224-40DC-B11E-3E89DCA77401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1" name="Freeform: Shape 80">
                <a:extLst>
                  <a:ext uri="{FF2B5EF4-FFF2-40B4-BE49-F238E27FC236}">
                    <a16:creationId xmlns="" xmlns:a16="http://schemas.microsoft.com/office/drawing/2014/main" id="{494B9A06-7E9D-4850-93B7-64DE529C2A2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2" name="Freeform: Shape 81">
                <a:extLst>
                  <a:ext uri="{FF2B5EF4-FFF2-40B4-BE49-F238E27FC236}">
                    <a16:creationId xmlns="" xmlns:a16="http://schemas.microsoft.com/office/drawing/2014/main" id="{81ADE2C5-C7C3-4B36-AD00-C0A785A96C9F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3" name="Freeform: Shape 82">
                <a:extLst>
                  <a:ext uri="{FF2B5EF4-FFF2-40B4-BE49-F238E27FC236}">
                    <a16:creationId xmlns="" xmlns:a16="http://schemas.microsoft.com/office/drawing/2014/main" id="{44A5AC6C-3A8D-4A2B-A29A-AC68BAAB5307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4" name="Freeform: Shape 83">
                <a:extLst>
                  <a:ext uri="{FF2B5EF4-FFF2-40B4-BE49-F238E27FC236}">
                    <a16:creationId xmlns="" xmlns:a16="http://schemas.microsoft.com/office/drawing/2014/main" id="{591FDC27-AB6F-42B1-9947-47F9AAE692C0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5" name="Freeform: Shape 84">
                <a:extLst>
                  <a:ext uri="{FF2B5EF4-FFF2-40B4-BE49-F238E27FC236}">
                    <a16:creationId xmlns="" xmlns:a16="http://schemas.microsoft.com/office/drawing/2014/main" id="{4E3A41FA-B814-42D7-948A-520D46BD20C7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6" name="Freeform: Shape 85">
                <a:extLst>
                  <a:ext uri="{FF2B5EF4-FFF2-40B4-BE49-F238E27FC236}">
                    <a16:creationId xmlns="" xmlns:a16="http://schemas.microsoft.com/office/drawing/2014/main" id="{3D8CDD91-4B7C-41EA-9A5F-7095EDFF4355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7" name="Freeform: Shape 86">
                <a:extLst>
                  <a:ext uri="{FF2B5EF4-FFF2-40B4-BE49-F238E27FC236}">
                    <a16:creationId xmlns="" xmlns:a16="http://schemas.microsoft.com/office/drawing/2014/main" id="{B07D9DA4-7B65-407C-80E5-8C12D8DC642B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8" name="Freeform: Shape 87">
                <a:extLst>
                  <a:ext uri="{FF2B5EF4-FFF2-40B4-BE49-F238E27FC236}">
                    <a16:creationId xmlns="" xmlns:a16="http://schemas.microsoft.com/office/drawing/2014/main" id="{35ED2325-F4E2-4EE0-932B-55604C78426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9" name="Freeform: Shape 88">
                <a:extLst>
                  <a:ext uri="{FF2B5EF4-FFF2-40B4-BE49-F238E27FC236}">
                    <a16:creationId xmlns="" xmlns:a16="http://schemas.microsoft.com/office/drawing/2014/main" id="{F04D6F7B-4913-4946-9D84-910C1A306455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0" name="Freeform: Shape 89">
                <a:extLst>
                  <a:ext uri="{FF2B5EF4-FFF2-40B4-BE49-F238E27FC236}">
                    <a16:creationId xmlns="" xmlns:a16="http://schemas.microsoft.com/office/drawing/2014/main" id="{E3EBAE8F-54EA-4966-99DB-91AA23C99BEB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1" name="Freeform: Shape 90">
                <a:extLst>
                  <a:ext uri="{FF2B5EF4-FFF2-40B4-BE49-F238E27FC236}">
                    <a16:creationId xmlns="" xmlns:a16="http://schemas.microsoft.com/office/drawing/2014/main" id="{96F958CD-2D62-4B8C-8A4B-3BA8A68C816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2" name="Freeform: Shape 91">
                <a:extLst>
                  <a:ext uri="{FF2B5EF4-FFF2-40B4-BE49-F238E27FC236}">
                    <a16:creationId xmlns="" xmlns:a16="http://schemas.microsoft.com/office/drawing/2014/main" id="{FF2A0956-D5F2-474D-9834-29061349DC21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3" name="Freeform: Shape 92">
                <a:extLst>
                  <a:ext uri="{FF2B5EF4-FFF2-40B4-BE49-F238E27FC236}">
                    <a16:creationId xmlns="" xmlns:a16="http://schemas.microsoft.com/office/drawing/2014/main" id="{A2557277-93E4-4C98-8EC2-4614D447CEDA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4" name="Freeform: Shape 93">
                <a:extLst>
                  <a:ext uri="{FF2B5EF4-FFF2-40B4-BE49-F238E27FC236}">
                    <a16:creationId xmlns="" xmlns:a16="http://schemas.microsoft.com/office/drawing/2014/main" id="{C256A59D-069B-4987-A7F6-46040DEF8E41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5" name="Freeform: Shape 94">
                <a:extLst>
                  <a:ext uri="{FF2B5EF4-FFF2-40B4-BE49-F238E27FC236}">
                    <a16:creationId xmlns="" xmlns:a16="http://schemas.microsoft.com/office/drawing/2014/main" id="{FB6F66DE-C44B-4591-BE5B-B0A74706E47A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6" name="Freeform: Shape 95">
                <a:extLst>
                  <a:ext uri="{FF2B5EF4-FFF2-40B4-BE49-F238E27FC236}">
                    <a16:creationId xmlns="" xmlns:a16="http://schemas.microsoft.com/office/drawing/2014/main" id="{F0369D1C-B15C-4BFA-BECD-E3C7A00D17AB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7" name="Freeform: Shape 96">
                <a:extLst>
                  <a:ext uri="{FF2B5EF4-FFF2-40B4-BE49-F238E27FC236}">
                    <a16:creationId xmlns="" xmlns:a16="http://schemas.microsoft.com/office/drawing/2014/main" id="{132F8776-F6F0-4836-98C5-5F3C6E45D1E6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8" name="Freeform: Shape 97">
                <a:extLst>
                  <a:ext uri="{FF2B5EF4-FFF2-40B4-BE49-F238E27FC236}">
                    <a16:creationId xmlns="" xmlns:a16="http://schemas.microsoft.com/office/drawing/2014/main" id="{5ADE6FD2-1A88-40B4-82A5-D613C54147FD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9" name="Freeform: Shape 98">
                <a:extLst>
                  <a:ext uri="{FF2B5EF4-FFF2-40B4-BE49-F238E27FC236}">
                    <a16:creationId xmlns="" xmlns:a16="http://schemas.microsoft.com/office/drawing/2014/main" id="{0037300B-BAFA-48ED-AADA-EF8E38156E5A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0" name="Freeform: Shape 99">
                <a:extLst>
                  <a:ext uri="{FF2B5EF4-FFF2-40B4-BE49-F238E27FC236}">
                    <a16:creationId xmlns="" xmlns:a16="http://schemas.microsoft.com/office/drawing/2014/main" id="{EA57CBE0-1BFD-4FA4-AAE0-C6CCC176FEE9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1" name="Freeform: Shape 100">
                <a:extLst>
                  <a:ext uri="{FF2B5EF4-FFF2-40B4-BE49-F238E27FC236}">
                    <a16:creationId xmlns="" xmlns:a16="http://schemas.microsoft.com/office/drawing/2014/main" id="{F996DAB0-2500-46A6-92E0-918A4877EA16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2" name="Freeform: Shape 101">
                <a:extLst>
                  <a:ext uri="{FF2B5EF4-FFF2-40B4-BE49-F238E27FC236}">
                    <a16:creationId xmlns="" xmlns:a16="http://schemas.microsoft.com/office/drawing/2014/main" id="{A4E7F717-DBBA-40CF-AE6F-1446FD805F0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3" name="Freeform: Shape 102">
                <a:extLst>
                  <a:ext uri="{FF2B5EF4-FFF2-40B4-BE49-F238E27FC236}">
                    <a16:creationId xmlns="" xmlns:a16="http://schemas.microsoft.com/office/drawing/2014/main" id="{BF742C87-E658-42EE-BA9A-0772DFDE0A99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4" name="Freeform: Shape 103">
                <a:extLst>
                  <a:ext uri="{FF2B5EF4-FFF2-40B4-BE49-F238E27FC236}">
                    <a16:creationId xmlns="" xmlns:a16="http://schemas.microsoft.com/office/drawing/2014/main" id="{15255B3C-35FD-4D0E-83DA-A8BAA52B668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5" name="Freeform: Shape 104">
                <a:extLst>
                  <a:ext uri="{FF2B5EF4-FFF2-40B4-BE49-F238E27FC236}">
                    <a16:creationId xmlns="" xmlns:a16="http://schemas.microsoft.com/office/drawing/2014/main" id="{C698C94E-324D-4D3E-98C6-8108C02D8022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6" name="Freeform: Shape 105">
                <a:extLst>
                  <a:ext uri="{FF2B5EF4-FFF2-40B4-BE49-F238E27FC236}">
                    <a16:creationId xmlns="" xmlns:a16="http://schemas.microsoft.com/office/drawing/2014/main" id="{3AE9D30E-C6FB-4E9E-AEDC-4DAF97079FB0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  <p:grpSp>
          <p:nvGrpSpPr>
            <p:cNvPr id="6" name="Group 5">
              <a:extLst>
                <a:ext uri="{FF2B5EF4-FFF2-40B4-BE49-F238E27FC236}">
                  <a16:creationId xmlns="" xmlns:a16="http://schemas.microsoft.com/office/drawing/2014/main" id="{B3A3BECA-C2E1-412A-B5F4-6F83E7F533B8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41" name="Freeform: Shape 40">
                <a:extLst>
                  <a:ext uri="{FF2B5EF4-FFF2-40B4-BE49-F238E27FC236}">
                    <a16:creationId xmlns="" xmlns:a16="http://schemas.microsoft.com/office/drawing/2014/main" id="{BC37E7D4-8E11-4129-AB58-46BBB4FFA9B3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2" name="Freeform: Shape 41">
                <a:extLst>
                  <a:ext uri="{FF2B5EF4-FFF2-40B4-BE49-F238E27FC236}">
                    <a16:creationId xmlns="" xmlns:a16="http://schemas.microsoft.com/office/drawing/2014/main" id="{781312BA-25D0-4BF4-89D0-6E722BC269BD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3" name="Freeform: Shape 42">
                <a:extLst>
                  <a:ext uri="{FF2B5EF4-FFF2-40B4-BE49-F238E27FC236}">
                    <a16:creationId xmlns="" xmlns:a16="http://schemas.microsoft.com/office/drawing/2014/main" id="{C45F69F5-95A2-46FA-B0A0-890097657C7F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4" name="Freeform: Shape 43">
                <a:extLst>
                  <a:ext uri="{FF2B5EF4-FFF2-40B4-BE49-F238E27FC236}">
                    <a16:creationId xmlns="" xmlns:a16="http://schemas.microsoft.com/office/drawing/2014/main" id="{5DD1588D-F375-4DEE-B102-0B42B31DCCCD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5" name="Freeform: Shape 44">
                <a:extLst>
                  <a:ext uri="{FF2B5EF4-FFF2-40B4-BE49-F238E27FC236}">
                    <a16:creationId xmlns="" xmlns:a16="http://schemas.microsoft.com/office/drawing/2014/main" id="{B17F49E7-B868-4377-B2A2-D84DEB4DF531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6" name="Freeform: Shape 45">
                <a:extLst>
                  <a:ext uri="{FF2B5EF4-FFF2-40B4-BE49-F238E27FC236}">
                    <a16:creationId xmlns="" xmlns:a16="http://schemas.microsoft.com/office/drawing/2014/main" id="{DE66DCA0-A018-42AD-A5B7-5099C7B412C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7" name="Freeform: Shape 46">
                <a:extLst>
                  <a:ext uri="{FF2B5EF4-FFF2-40B4-BE49-F238E27FC236}">
                    <a16:creationId xmlns="" xmlns:a16="http://schemas.microsoft.com/office/drawing/2014/main" id="{74780311-C66E-4AA1-9ACA-08B1FEEC9B09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8" name="Freeform: Shape 47">
                <a:extLst>
                  <a:ext uri="{FF2B5EF4-FFF2-40B4-BE49-F238E27FC236}">
                    <a16:creationId xmlns="" xmlns:a16="http://schemas.microsoft.com/office/drawing/2014/main" id="{5168E7E3-10B1-49E1-B8FE-866F722C64A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9" name="Freeform: Shape 48">
                <a:extLst>
                  <a:ext uri="{FF2B5EF4-FFF2-40B4-BE49-F238E27FC236}">
                    <a16:creationId xmlns="" xmlns:a16="http://schemas.microsoft.com/office/drawing/2014/main" id="{7744992B-A35D-4299-B6AD-4C2D05791730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0" name="Freeform: Shape 49">
                <a:extLst>
                  <a:ext uri="{FF2B5EF4-FFF2-40B4-BE49-F238E27FC236}">
                    <a16:creationId xmlns="" xmlns:a16="http://schemas.microsoft.com/office/drawing/2014/main" id="{ACC9583F-73E7-472E-BDA7-80EDE2E3EB25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1" name="Freeform: Shape 50">
                <a:extLst>
                  <a:ext uri="{FF2B5EF4-FFF2-40B4-BE49-F238E27FC236}">
                    <a16:creationId xmlns="" xmlns:a16="http://schemas.microsoft.com/office/drawing/2014/main" id="{BA6A54D5-1D54-4F79-AEE0-5E46BE8A69D4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2" name="Freeform: Shape 51">
                <a:extLst>
                  <a:ext uri="{FF2B5EF4-FFF2-40B4-BE49-F238E27FC236}">
                    <a16:creationId xmlns="" xmlns:a16="http://schemas.microsoft.com/office/drawing/2014/main" id="{99CEBF89-DC90-4F7E-A72F-630333B69D9A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3" name="Freeform: Shape 52">
                <a:extLst>
                  <a:ext uri="{FF2B5EF4-FFF2-40B4-BE49-F238E27FC236}">
                    <a16:creationId xmlns="" xmlns:a16="http://schemas.microsoft.com/office/drawing/2014/main" id="{B13C223B-C8E7-4D48-8B7A-8ACAD0AE439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4" name="Freeform: Shape 53">
                <a:extLst>
                  <a:ext uri="{FF2B5EF4-FFF2-40B4-BE49-F238E27FC236}">
                    <a16:creationId xmlns="" xmlns:a16="http://schemas.microsoft.com/office/drawing/2014/main" id="{0A59F74B-3FFA-41FE-84BD-758E54B6A91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5" name="Freeform: Shape 54">
                <a:extLst>
                  <a:ext uri="{FF2B5EF4-FFF2-40B4-BE49-F238E27FC236}">
                    <a16:creationId xmlns="" xmlns:a16="http://schemas.microsoft.com/office/drawing/2014/main" id="{BEE47432-075D-4849-AB5D-E36ACC476F4C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6" name="Freeform: Shape 55">
                <a:extLst>
                  <a:ext uri="{FF2B5EF4-FFF2-40B4-BE49-F238E27FC236}">
                    <a16:creationId xmlns="" xmlns:a16="http://schemas.microsoft.com/office/drawing/2014/main" id="{61A3C633-8C4D-4864-A4A3-80C517D8E24B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7" name="Freeform: Shape 56">
                <a:extLst>
                  <a:ext uri="{FF2B5EF4-FFF2-40B4-BE49-F238E27FC236}">
                    <a16:creationId xmlns="" xmlns:a16="http://schemas.microsoft.com/office/drawing/2014/main" id="{F7D3E993-AE0D-4ACF-BAE0-FAD3D0BB5F5C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8" name="Freeform: Shape 57">
                <a:extLst>
                  <a:ext uri="{FF2B5EF4-FFF2-40B4-BE49-F238E27FC236}">
                    <a16:creationId xmlns="" xmlns:a16="http://schemas.microsoft.com/office/drawing/2014/main" id="{4029193E-5A97-4EF9-9088-4C91BB2E73DC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9" name="Freeform: Shape 58">
                <a:extLst>
                  <a:ext uri="{FF2B5EF4-FFF2-40B4-BE49-F238E27FC236}">
                    <a16:creationId xmlns="" xmlns:a16="http://schemas.microsoft.com/office/drawing/2014/main" id="{0DA39C7D-D2F8-442A-951E-F43ACEB4BF3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0" name="Freeform: Shape 59">
                <a:extLst>
                  <a:ext uri="{FF2B5EF4-FFF2-40B4-BE49-F238E27FC236}">
                    <a16:creationId xmlns="" xmlns:a16="http://schemas.microsoft.com/office/drawing/2014/main" id="{C7F1CC79-AEB9-48EE-B970-75A31DE399CF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1" name="Freeform: Shape 60">
                <a:extLst>
                  <a:ext uri="{FF2B5EF4-FFF2-40B4-BE49-F238E27FC236}">
                    <a16:creationId xmlns="" xmlns:a16="http://schemas.microsoft.com/office/drawing/2014/main" id="{5C7EF045-42AE-4098-A72C-DE2358717E1D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2" name="Freeform: Shape 61">
                <a:extLst>
                  <a:ext uri="{FF2B5EF4-FFF2-40B4-BE49-F238E27FC236}">
                    <a16:creationId xmlns="" xmlns:a16="http://schemas.microsoft.com/office/drawing/2014/main" id="{1731EAA6-DECC-47E7-9613-792EAB70C663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3" name="Freeform: Shape 62">
                <a:extLst>
                  <a:ext uri="{FF2B5EF4-FFF2-40B4-BE49-F238E27FC236}">
                    <a16:creationId xmlns="" xmlns:a16="http://schemas.microsoft.com/office/drawing/2014/main" id="{B23F72DC-9047-4231-B2FD-6DAA9D5BA64B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4" name="Freeform: Shape 63">
                <a:extLst>
                  <a:ext uri="{FF2B5EF4-FFF2-40B4-BE49-F238E27FC236}">
                    <a16:creationId xmlns="" xmlns:a16="http://schemas.microsoft.com/office/drawing/2014/main" id="{6432F9CF-DCCF-4996-B7A2-4EB0E523E624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 dirty="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5" name="Freeform: Shape 64">
                <a:extLst>
                  <a:ext uri="{FF2B5EF4-FFF2-40B4-BE49-F238E27FC236}">
                    <a16:creationId xmlns="" xmlns:a16="http://schemas.microsoft.com/office/drawing/2014/main" id="{9AB52D68-AF7D-46EB-BB64-0A62E8A38E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6" name="Freeform: Shape 65">
                <a:extLst>
                  <a:ext uri="{FF2B5EF4-FFF2-40B4-BE49-F238E27FC236}">
                    <a16:creationId xmlns="" xmlns:a16="http://schemas.microsoft.com/office/drawing/2014/main" id="{A5AB64EC-A440-4677-90E6-E22B0B553468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7" name="Freeform: Shape 66">
                <a:extLst>
                  <a:ext uri="{FF2B5EF4-FFF2-40B4-BE49-F238E27FC236}">
                    <a16:creationId xmlns="" xmlns:a16="http://schemas.microsoft.com/office/drawing/2014/main" id="{D89749EF-FC11-4EDF-8C71-43D9A45BC63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8" name="Freeform: Shape 67">
                <a:extLst>
                  <a:ext uri="{FF2B5EF4-FFF2-40B4-BE49-F238E27FC236}">
                    <a16:creationId xmlns="" xmlns:a16="http://schemas.microsoft.com/office/drawing/2014/main" id="{A0AE09E6-9337-427F-ADF0-5A06A83A8912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9" name="Freeform: Shape 68">
                <a:extLst>
                  <a:ext uri="{FF2B5EF4-FFF2-40B4-BE49-F238E27FC236}">
                    <a16:creationId xmlns="" xmlns:a16="http://schemas.microsoft.com/office/drawing/2014/main" id="{D099960D-AA07-4EAE-99D1-8896CFA6817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0" name="Freeform: Shape 69">
                <a:extLst>
                  <a:ext uri="{FF2B5EF4-FFF2-40B4-BE49-F238E27FC236}">
                    <a16:creationId xmlns="" xmlns:a16="http://schemas.microsoft.com/office/drawing/2014/main" id="{7B7D79DB-9320-474F-A10C-AFEF68FD9E7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1" name="Freeform: Shape 70">
                <a:extLst>
                  <a:ext uri="{FF2B5EF4-FFF2-40B4-BE49-F238E27FC236}">
                    <a16:creationId xmlns="" xmlns:a16="http://schemas.microsoft.com/office/drawing/2014/main" id="{C3AE7253-3109-44C3-B4C3-050AB340DBBD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2" name="Freeform: Shape 71">
                <a:extLst>
                  <a:ext uri="{FF2B5EF4-FFF2-40B4-BE49-F238E27FC236}">
                    <a16:creationId xmlns="" xmlns:a16="http://schemas.microsoft.com/office/drawing/2014/main" id="{323238DA-2021-4699-A513-9D3521E60C36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3" name="Freeform: Shape 72">
                <a:extLst>
                  <a:ext uri="{FF2B5EF4-FFF2-40B4-BE49-F238E27FC236}">
                    <a16:creationId xmlns="" xmlns:a16="http://schemas.microsoft.com/office/drawing/2014/main" id="{CA8F0BB5-996B-4AB3-88D2-36B91F80714E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  <p:grpSp>
          <p:nvGrpSpPr>
            <p:cNvPr id="7" name="Group 6">
              <a:extLst>
                <a:ext uri="{FF2B5EF4-FFF2-40B4-BE49-F238E27FC236}">
                  <a16:creationId xmlns="" xmlns:a16="http://schemas.microsoft.com/office/drawing/2014/main" id="{394B8EEF-EDAB-4B97-882A-121630FA595B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8" name="Freeform: Shape 7">
                <a:extLst>
                  <a:ext uri="{FF2B5EF4-FFF2-40B4-BE49-F238E27FC236}">
                    <a16:creationId xmlns="" xmlns:a16="http://schemas.microsoft.com/office/drawing/2014/main" id="{695A823E-6C8A-4EAB-B69C-7B2892222F30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" name="Freeform: Shape 8">
                <a:extLst>
                  <a:ext uri="{FF2B5EF4-FFF2-40B4-BE49-F238E27FC236}">
                    <a16:creationId xmlns="" xmlns:a16="http://schemas.microsoft.com/office/drawing/2014/main" id="{74A1CF60-DE1B-4013-81ED-D0594E50833D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" name="Freeform: Shape 9">
                <a:extLst>
                  <a:ext uri="{FF2B5EF4-FFF2-40B4-BE49-F238E27FC236}">
                    <a16:creationId xmlns="" xmlns:a16="http://schemas.microsoft.com/office/drawing/2014/main" id="{043AB6DA-8376-4A08-8BF6-981238216EC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1" name="Freeform: Shape 10">
                <a:extLst>
                  <a:ext uri="{FF2B5EF4-FFF2-40B4-BE49-F238E27FC236}">
                    <a16:creationId xmlns="" xmlns:a16="http://schemas.microsoft.com/office/drawing/2014/main" id="{E7CABB8B-0B4A-4498-BEA3-55055F3BBC13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2" name="Freeform: Shape 11">
                <a:extLst>
                  <a:ext uri="{FF2B5EF4-FFF2-40B4-BE49-F238E27FC236}">
                    <a16:creationId xmlns="" xmlns:a16="http://schemas.microsoft.com/office/drawing/2014/main" id="{E16149C8-604C-49E5-87F0-02FBB0397B31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3" name="Freeform: Shape 12">
                <a:extLst>
                  <a:ext uri="{FF2B5EF4-FFF2-40B4-BE49-F238E27FC236}">
                    <a16:creationId xmlns="" xmlns:a16="http://schemas.microsoft.com/office/drawing/2014/main" id="{8EBC0BDC-E5AE-4FDA-ACA4-BA4776B9ED5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4" name="Freeform: Shape 13">
                <a:extLst>
                  <a:ext uri="{FF2B5EF4-FFF2-40B4-BE49-F238E27FC236}">
                    <a16:creationId xmlns="" xmlns:a16="http://schemas.microsoft.com/office/drawing/2014/main" id="{F04FF7BB-F890-44A7-87BF-306C343C8DBA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5" name="Freeform: Shape 14">
                <a:extLst>
                  <a:ext uri="{FF2B5EF4-FFF2-40B4-BE49-F238E27FC236}">
                    <a16:creationId xmlns="" xmlns:a16="http://schemas.microsoft.com/office/drawing/2014/main" id="{E4E62A49-7E88-4860-ACDD-5413169AC4EA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6" name="Freeform: Shape 15">
                <a:extLst>
                  <a:ext uri="{FF2B5EF4-FFF2-40B4-BE49-F238E27FC236}">
                    <a16:creationId xmlns="" xmlns:a16="http://schemas.microsoft.com/office/drawing/2014/main" id="{1BD22424-0F35-4AAC-8C28-D061CA296084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7" name="Freeform: Shape 16">
                <a:extLst>
                  <a:ext uri="{FF2B5EF4-FFF2-40B4-BE49-F238E27FC236}">
                    <a16:creationId xmlns="" xmlns:a16="http://schemas.microsoft.com/office/drawing/2014/main" id="{2AD73FD7-E680-4E75-B341-AE6652121287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8" name="Freeform: Shape 17">
                <a:extLst>
                  <a:ext uri="{FF2B5EF4-FFF2-40B4-BE49-F238E27FC236}">
                    <a16:creationId xmlns="" xmlns:a16="http://schemas.microsoft.com/office/drawing/2014/main" id="{CD0C96BB-5C14-432C-8F77-A9DDD7EACC30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9" name="Freeform: Shape 18">
                <a:extLst>
                  <a:ext uri="{FF2B5EF4-FFF2-40B4-BE49-F238E27FC236}">
                    <a16:creationId xmlns="" xmlns:a16="http://schemas.microsoft.com/office/drawing/2014/main" id="{DDF670EF-9507-4B62-9C47-B3F9C29024F8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0" name="Freeform: Shape 19">
                <a:extLst>
                  <a:ext uri="{FF2B5EF4-FFF2-40B4-BE49-F238E27FC236}">
                    <a16:creationId xmlns="" xmlns:a16="http://schemas.microsoft.com/office/drawing/2014/main" id="{E0FF1957-31ED-40CD-BF24-26B6811C361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1" name="Freeform: Shape 20">
                <a:extLst>
                  <a:ext uri="{FF2B5EF4-FFF2-40B4-BE49-F238E27FC236}">
                    <a16:creationId xmlns="" xmlns:a16="http://schemas.microsoft.com/office/drawing/2014/main" id="{35F50EAA-6959-4A17-8FF4-F4AF0F8DCEAE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2" name="Freeform: Shape 21">
                <a:extLst>
                  <a:ext uri="{FF2B5EF4-FFF2-40B4-BE49-F238E27FC236}">
                    <a16:creationId xmlns="" xmlns:a16="http://schemas.microsoft.com/office/drawing/2014/main" id="{98859B2A-A0CB-4A15-8B4F-2974553343B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3" name="Freeform: Shape 22">
                <a:extLst>
                  <a:ext uri="{FF2B5EF4-FFF2-40B4-BE49-F238E27FC236}">
                    <a16:creationId xmlns="" xmlns:a16="http://schemas.microsoft.com/office/drawing/2014/main" id="{BDBD938A-9AE8-4F38-AAA6-39E236495854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4" name="Freeform: Shape 23">
                <a:extLst>
                  <a:ext uri="{FF2B5EF4-FFF2-40B4-BE49-F238E27FC236}">
                    <a16:creationId xmlns="" xmlns:a16="http://schemas.microsoft.com/office/drawing/2014/main" id="{179F7FDE-FBDE-447E-8473-7252EA5F9AC9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5" name="Freeform: Shape 24">
                <a:extLst>
                  <a:ext uri="{FF2B5EF4-FFF2-40B4-BE49-F238E27FC236}">
                    <a16:creationId xmlns="" xmlns:a16="http://schemas.microsoft.com/office/drawing/2014/main" id="{95617CF1-38DB-4956-8918-7E8EE9631EDC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6" name="Freeform: Shape 25">
                <a:extLst>
                  <a:ext uri="{FF2B5EF4-FFF2-40B4-BE49-F238E27FC236}">
                    <a16:creationId xmlns="" xmlns:a16="http://schemas.microsoft.com/office/drawing/2014/main" id="{246E1A3C-B0B4-4A13-91F0-07E4857E34CA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7" name="Freeform: Shape 26">
                <a:extLst>
                  <a:ext uri="{FF2B5EF4-FFF2-40B4-BE49-F238E27FC236}">
                    <a16:creationId xmlns="" xmlns:a16="http://schemas.microsoft.com/office/drawing/2014/main" id="{69B16B7D-8F21-4185-8D47-D00ADFAF125F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8" name="Freeform: Shape 27">
                <a:extLst>
                  <a:ext uri="{FF2B5EF4-FFF2-40B4-BE49-F238E27FC236}">
                    <a16:creationId xmlns="" xmlns:a16="http://schemas.microsoft.com/office/drawing/2014/main" id="{43A91980-6114-4A22-ADB2-B19387D638F9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9" name="Freeform: Shape 28">
                <a:extLst>
                  <a:ext uri="{FF2B5EF4-FFF2-40B4-BE49-F238E27FC236}">
                    <a16:creationId xmlns="" xmlns:a16="http://schemas.microsoft.com/office/drawing/2014/main" id="{59C75790-8B8A-4004-B5B2-F89F8F7F325E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0" name="Freeform: Shape 29">
                <a:extLst>
                  <a:ext uri="{FF2B5EF4-FFF2-40B4-BE49-F238E27FC236}">
                    <a16:creationId xmlns="" xmlns:a16="http://schemas.microsoft.com/office/drawing/2014/main" id="{E8DEE448-B2C4-4802-85EF-64A6B96BDFA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1" name="Freeform: Shape 30">
                <a:extLst>
                  <a:ext uri="{FF2B5EF4-FFF2-40B4-BE49-F238E27FC236}">
                    <a16:creationId xmlns="" xmlns:a16="http://schemas.microsoft.com/office/drawing/2014/main" id="{CF4BF9BF-560B-4090-A117-E3ED92698BD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2" name="Freeform: Shape 31">
                <a:extLst>
                  <a:ext uri="{FF2B5EF4-FFF2-40B4-BE49-F238E27FC236}">
                    <a16:creationId xmlns="" xmlns:a16="http://schemas.microsoft.com/office/drawing/2014/main" id="{93196953-B88F-4DEC-81AC-87FD72D6134B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3" name="Freeform: Shape 32">
                <a:extLst>
                  <a:ext uri="{FF2B5EF4-FFF2-40B4-BE49-F238E27FC236}">
                    <a16:creationId xmlns="" xmlns:a16="http://schemas.microsoft.com/office/drawing/2014/main" id="{C065E188-6B05-4A95-A174-164F3730A9D5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4" name="Freeform: Shape 33">
                <a:extLst>
                  <a:ext uri="{FF2B5EF4-FFF2-40B4-BE49-F238E27FC236}">
                    <a16:creationId xmlns="" xmlns:a16="http://schemas.microsoft.com/office/drawing/2014/main" id="{3FB19C50-5C09-4181-8A11-7B2258C7DA97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5" name="Freeform: Shape 34">
                <a:extLst>
                  <a:ext uri="{FF2B5EF4-FFF2-40B4-BE49-F238E27FC236}">
                    <a16:creationId xmlns="" xmlns:a16="http://schemas.microsoft.com/office/drawing/2014/main" id="{81570401-1A86-403D-8B52-579A457DA9A7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6" name="Freeform: Shape 35">
                <a:extLst>
                  <a:ext uri="{FF2B5EF4-FFF2-40B4-BE49-F238E27FC236}">
                    <a16:creationId xmlns="" xmlns:a16="http://schemas.microsoft.com/office/drawing/2014/main" id="{58684503-52E4-476B-B530-73B75F30AD64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7" name="Freeform: Shape 36">
                <a:extLst>
                  <a:ext uri="{FF2B5EF4-FFF2-40B4-BE49-F238E27FC236}">
                    <a16:creationId xmlns="" xmlns:a16="http://schemas.microsoft.com/office/drawing/2014/main" id="{E3DE3782-FE3F-45B3-9A3F-8400A2650555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8" name="Freeform: Shape 37">
                <a:extLst>
                  <a:ext uri="{FF2B5EF4-FFF2-40B4-BE49-F238E27FC236}">
                    <a16:creationId xmlns="" xmlns:a16="http://schemas.microsoft.com/office/drawing/2014/main" id="{6735E315-91FC-42D0-AC15-58416B3C42F6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9" name="Freeform: Shape 38">
                <a:extLst>
                  <a:ext uri="{FF2B5EF4-FFF2-40B4-BE49-F238E27FC236}">
                    <a16:creationId xmlns="" xmlns:a16="http://schemas.microsoft.com/office/drawing/2014/main" id="{6E277E6F-43D1-45B9-B5CA-C14869A4DD3F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0" name="Freeform: Shape 39">
                <a:extLst>
                  <a:ext uri="{FF2B5EF4-FFF2-40B4-BE49-F238E27FC236}">
                    <a16:creationId xmlns="" xmlns:a16="http://schemas.microsoft.com/office/drawing/2014/main" id="{F9995011-083F-4FC6-97A0-9C4FE8C2D6F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pic>
        <p:nvPicPr>
          <p:cNvPr id="3" name="Picture 2">
            <a:extLst>
              <a:ext uri="{FF2B5EF4-FFF2-40B4-BE49-F238E27FC236}">
                <a16:creationId xmlns="" xmlns:a16="http://schemas.microsoft.com/office/drawing/2014/main" id="{FE048669-4E5C-4A2F-8A96-DA1CF0606B8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6" y="7763436"/>
            <a:ext cx="7985052" cy="8000982"/>
          </a:xfrm>
          <a:prstGeom prst="rect">
            <a:avLst/>
          </a:prstGeom>
        </p:spPr>
      </p:pic>
      <p:grpSp>
        <p:nvGrpSpPr>
          <p:cNvPr id="110" name="Group 109">
            <a:extLst>
              <a:ext uri="{FF2B5EF4-FFF2-40B4-BE49-F238E27FC236}">
                <a16:creationId xmlns="" xmlns:a16="http://schemas.microsoft.com/office/drawing/2014/main" id="{8FE597F5-5E36-4169-9E0E-A0614ED5DD9E}"/>
              </a:ext>
            </a:extLst>
          </p:cNvPr>
          <p:cNvGrpSpPr/>
          <p:nvPr/>
        </p:nvGrpSpPr>
        <p:grpSpPr>
          <a:xfrm>
            <a:off x="5205951" y="1455235"/>
            <a:ext cx="1318157" cy="930465"/>
            <a:chOff x="17029828" y="5557001"/>
            <a:chExt cx="1150338" cy="812004"/>
          </a:xfrm>
        </p:grpSpPr>
        <p:sp>
          <p:nvSpPr>
            <p:cNvPr id="111" name="Freeform: Shape 110">
              <a:extLst>
                <a:ext uri="{FF2B5EF4-FFF2-40B4-BE49-F238E27FC236}">
                  <a16:creationId xmlns="" xmlns:a16="http://schemas.microsoft.com/office/drawing/2014/main" id="{4DD780BC-A35A-4718-8FD0-00799B8E428D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2" name="Freeform: Shape 111">
              <a:extLst>
                <a:ext uri="{FF2B5EF4-FFF2-40B4-BE49-F238E27FC236}">
                  <a16:creationId xmlns="" xmlns:a16="http://schemas.microsoft.com/office/drawing/2014/main" id="{CC4BD9C7-7CC5-41F7-A09E-36741C8731F7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3" name="Freeform: Shape 112">
              <a:extLst>
                <a:ext uri="{FF2B5EF4-FFF2-40B4-BE49-F238E27FC236}">
                  <a16:creationId xmlns="" xmlns:a16="http://schemas.microsoft.com/office/drawing/2014/main" id="{82064923-7E1D-462D-8E31-979CE2CDC266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4" name="Freeform: Shape 113">
              <a:extLst>
                <a:ext uri="{FF2B5EF4-FFF2-40B4-BE49-F238E27FC236}">
                  <a16:creationId xmlns="" xmlns:a16="http://schemas.microsoft.com/office/drawing/2014/main" id="{3B466A1B-9376-46B0-A8A3-C4F05BBDCDC7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5" name="Freeform: Shape 114">
              <a:extLst>
                <a:ext uri="{FF2B5EF4-FFF2-40B4-BE49-F238E27FC236}">
                  <a16:creationId xmlns="" xmlns:a16="http://schemas.microsoft.com/office/drawing/2014/main" id="{689BC9D6-1AB0-452B-B46D-51616CC246AB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6" name="Freeform: Shape 115">
              <a:extLst>
                <a:ext uri="{FF2B5EF4-FFF2-40B4-BE49-F238E27FC236}">
                  <a16:creationId xmlns="" xmlns:a16="http://schemas.microsoft.com/office/drawing/2014/main" id="{913CCC67-39A3-413E-931F-6F3493F64B2D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7" name="Freeform: Shape 116">
              <a:extLst>
                <a:ext uri="{FF2B5EF4-FFF2-40B4-BE49-F238E27FC236}">
                  <a16:creationId xmlns="" xmlns:a16="http://schemas.microsoft.com/office/drawing/2014/main" id="{DC438494-4CFD-4216-AD81-E1F29C89FCC4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8" name="Freeform: Shape 117">
              <a:extLst>
                <a:ext uri="{FF2B5EF4-FFF2-40B4-BE49-F238E27FC236}">
                  <a16:creationId xmlns="" xmlns:a16="http://schemas.microsoft.com/office/drawing/2014/main" id="{5F130D73-EE90-422E-A4B5-9A0A30DD6137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19" name="Group 118">
            <a:extLst>
              <a:ext uri="{FF2B5EF4-FFF2-40B4-BE49-F238E27FC236}">
                <a16:creationId xmlns="" xmlns:a16="http://schemas.microsoft.com/office/drawing/2014/main" id="{B886E67F-A8F8-45E4-8261-5A4A22D573F8}"/>
              </a:ext>
            </a:extLst>
          </p:cNvPr>
          <p:cNvGrpSpPr/>
          <p:nvPr/>
        </p:nvGrpSpPr>
        <p:grpSpPr>
          <a:xfrm>
            <a:off x="462250" y="2958316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120" name="Freeform: Shape 119">
              <a:extLst>
                <a:ext uri="{FF2B5EF4-FFF2-40B4-BE49-F238E27FC236}">
                  <a16:creationId xmlns="" xmlns:a16="http://schemas.microsoft.com/office/drawing/2014/main" id="{0E889FEB-4B74-4037-9ABF-1A1F1784F630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1" name="Freeform: Shape 120">
              <a:extLst>
                <a:ext uri="{FF2B5EF4-FFF2-40B4-BE49-F238E27FC236}">
                  <a16:creationId xmlns="" xmlns:a16="http://schemas.microsoft.com/office/drawing/2014/main" id="{A3D77982-150E-48F9-AF56-2C84F7368288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2" name="Freeform: Shape 121">
              <a:extLst>
                <a:ext uri="{FF2B5EF4-FFF2-40B4-BE49-F238E27FC236}">
                  <a16:creationId xmlns="" xmlns:a16="http://schemas.microsoft.com/office/drawing/2014/main" id="{A28FF5A2-7044-4731-B636-95618DF5B440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3" name="Freeform: Shape 122">
              <a:extLst>
                <a:ext uri="{FF2B5EF4-FFF2-40B4-BE49-F238E27FC236}">
                  <a16:creationId xmlns="" xmlns:a16="http://schemas.microsoft.com/office/drawing/2014/main" id="{75C07477-999A-46AB-BFBF-F1D07C2BD34A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4" name="Freeform: Shape 123">
              <a:extLst>
                <a:ext uri="{FF2B5EF4-FFF2-40B4-BE49-F238E27FC236}">
                  <a16:creationId xmlns="" xmlns:a16="http://schemas.microsoft.com/office/drawing/2014/main" id="{FFCC7854-0E5F-40FD-AC56-AF7E220955ED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25" name="Group 124">
            <a:extLst>
              <a:ext uri="{FF2B5EF4-FFF2-40B4-BE49-F238E27FC236}">
                <a16:creationId xmlns="" xmlns:a16="http://schemas.microsoft.com/office/drawing/2014/main" id="{D7AA5BC3-0722-4CC7-BA4E-966F6B7B40A9}"/>
              </a:ext>
            </a:extLst>
          </p:cNvPr>
          <p:cNvGrpSpPr/>
          <p:nvPr/>
        </p:nvGrpSpPr>
        <p:grpSpPr>
          <a:xfrm>
            <a:off x="5603206" y="3392514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126" name="Freeform: Shape 125">
              <a:extLst>
                <a:ext uri="{FF2B5EF4-FFF2-40B4-BE49-F238E27FC236}">
                  <a16:creationId xmlns="" xmlns:a16="http://schemas.microsoft.com/office/drawing/2014/main" id="{93DEB844-80CA-4F00-BFC1-715079D63D84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7" name="Freeform: Shape 126">
              <a:extLst>
                <a:ext uri="{FF2B5EF4-FFF2-40B4-BE49-F238E27FC236}">
                  <a16:creationId xmlns="" xmlns:a16="http://schemas.microsoft.com/office/drawing/2014/main" id="{34435C7F-F541-4D5D-ADAC-F7636D67DF7F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8" name="Freeform: Shape 127">
              <a:extLst>
                <a:ext uri="{FF2B5EF4-FFF2-40B4-BE49-F238E27FC236}">
                  <a16:creationId xmlns="" xmlns:a16="http://schemas.microsoft.com/office/drawing/2014/main" id="{A5CF40DD-0069-4A41-8C4A-34C2867A7F0F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9" name="Freeform: Shape 128">
              <a:extLst>
                <a:ext uri="{FF2B5EF4-FFF2-40B4-BE49-F238E27FC236}">
                  <a16:creationId xmlns="" xmlns:a16="http://schemas.microsoft.com/office/drawing/2014/main" id="{E7E804FB-2A41-48B7-958C-7E98E6EA73A0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0" name="Freeform: Shape 129">
              <a:extLst>
                <a:ext uri="{FF2B5EF4-FFF2-40B4-BE49-F238E27FC236}">
                  <a16:creationId xmlns="" xmlns:a16="http://schemas.microsoft.com/office/drawing/2014/main" id="{0C47AA6F-757A-4148-87FF-FC8FF4C53C83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1" name="Freeform: Shape 130">
              <a:extLst>
                <a:ext uri="{FF2B5EF4-FFF2-40B4-BE49-F238E27FC236}">
                  <a16:creationId xmlns="" xmlns:a16="http://schemas.microsoft.com/office/drawing/2014/main" id="{EF1AC6E8-624A-4101-B993-CC31F7FC0719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2" name="Freeform: Shape 131">
              <a:extLst>
                <a:ext uri="{FF2B5EF4-FFF2-40B4-BE49-F238E27FC236}">
                  <a16:creationId xmlns="" xmlns:a16="http://schemas.microsoft.com/office/drawing/2014/main" id="{F5E3A933-76D2-4BCA-9DA8-5E245C61D8A3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3" name="Freeform: Shape 132">
              <a:extLst>
                <a:ext uri="{FF2B5EF4-FFF2-40B4-BE49-F238E27FC236}">
                  <a16:creationId xmlns="" xmlns:a16="http://schemas.microsoft.com/office/drawing/2014/main" id="{7AEC9A97-BB5A-458B-BAB3-DD88667D2DBE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4" name="Freeform: Shape 133">
              <a:extLst>
                <a:ext uri="{FF2B5EF4-FFF2-40B4-BE49-F238E27FC236}">
                  <a16:creationId xmlns="" xmlns:a16="http://schemas.microsoft.com/office/drawing/2014/main" id="{06470992-1533-40A9-80F5-6758733E8CB7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5" name="Freeform: Shape 134">
              <a:extLst>
                <a:ext uri="{FF2B5EF4-FFF2-40B4-BE49-F238E27FC236}">
                  <a16:creationId xmlns="" xmlns:a16="http://schemas.microsoft.com/office/drawing/2014/main" id="{9D852B61-DD4F-4CF9-B27D-A32715BA804D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6" name="Freeform: Shape 135">
              <a:extLst>
                <a:ext uri="{FF2B5EF4-FFF2-40B4-BE49-F238E27FC236}">
                  <a16:creationId xmlns="" xmlns:a16="http://schemas.microsoft.com/office/drawing/2014/main" id="{93B7DAC2-E100-4CB8-A9EA-A9EC2202308E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7" name="Freeform: Shape 136">
              <a:extLst>
                <a:ext uri="{FF2B5EF4-FFF2-40B4-BE49-F238E27FC236}">
                  <a16:creationId xmlns="" xmlns:a16="http://schemas.microsoft.com/office/drawing/2014/main" id="{949D90F0-7F1B-4F0C-8054-158613378D09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8" name="Freeform: Shape 137">
              <a:extLst>
                <a:ext uri="{FF2B5EF4-FFF2-40B4-BE49-F238E27FC236}">
                  <a16:creationId xmlns="" xmlns:a16="http://schemas.microsoft.com/office/drawing/2014/main" id="{5A81C6F0-F82E-4912-A848-652DDCC4CDAB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9" name="Freeform: Shape 138">
              <a:extLst>
                <a:ext uri="{FF2B5EF4-FFF2-40B4-BE49-F238E27FC236}">
                  <a16:creationId xmlns="" xmlns:a16="http://schemas.microsoft.com/office/drawing/2014/main" id="{1BEE890B-5FF9-4E71-971C-6156DF740588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0" name="Freeform: Shape 139">
              <a:extLst>
                <a:ext uri="{FF2B5EF4-FFF2-40B4-BE49-F238E27FC236}">
                  <a16:creationId xmlns="" xmlns:a16="http://schemas.microsoft.com/office/drawing/2014/main" id="{98847182-52BF-47FD-BA38-E6CBEDB881F9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1" name="Freeform: Shape 140">
              <a:extLst>
                <a:ext uri="{FF2B5EF4-FFF2-40B4-BE49-F238E27FC236}">
                  <a16:creationId xmlns="" xmlns:a16="http://schemas.microsoft.com/office/drawing/2014/main" id="{39D92A46-D9BC-4010-8FE9-2D4430B371E1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2" name="Freeform: Shape 141">
              <a:extLst>
                <a:ext uri="{FF2B5EF4-FFF2-40B4-BE49-F238E27FC236}">
                  <a16:creationId xmlns="" xmlns:a16="http://schemas.microsoft.com/office/drawing/2014/main" id="{11124D3B-9D2C-4B4A-A4FF-9C4118D571D7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43" name="Group 142">
            <a:extLst>
              <a:ext uri="{FF2B5EF4-FFF2-40B4-BE49-F238E27FC236}">
                <a16:creationId xmlns="" xmlns:a16="http://schemas.microsoft.com/office/drawing/2014/main" id="{A5438C54-262E-4085-B2EE-CFC6D88784F6}"/>
              </a:ext>
            </a:extLst>
          </p:cNvPr>
          <p:cNvGrpSpPr/>
          <p:nvPr/>
        </p:nvGrpSpPr>
        <p:grpSpPr>
          <a:xfrm>
            <a:off x="745313" y="1041980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144" name="Freeform: Shape 143">
              <a:extLst>
                <a:ext uri="{FF2B5EF4-FFF2-40B4-BE49-F238E27FC236}">
                  <a16:creationId xmlns="" xmlns:a16="http://schemas.microsoft.com/office/drawing/2014/main" id="{B2E0CBCB-6D85-4A2D-9209-2F1BBD7BDFF0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5" name="Freeform: Shape 144">
              <a:extLst>
                <a:ext uri="{FF2B5EF4-FFF2-40B4-BE49-F238E27FC236}">
                  <a16:creationId xmlns="" xmlns:a16="http://schemas.microsoft.com/office/drawing/2014/main" id="{ACB63ED9-7B24-4C33-9A18-122FD4315C2C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6" name="Freeform: Shape 145">
              <a:extLst>
                <a:ext uri="{FF2B5EF4-FFF2-40B4-BE49-F238E27FC236}">
                  <a16:creationId xmlns="" xmlns:a16="http://schemas.microsoft.com/office/drawing/2014/main" id="{5A5444B1-1E90-4B4E-BE12-D7CCBD8EC20E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7" name="Freeform: Shape 146">
              <a:extLst>
                <a:ext uri="{FF2B5EF4-FFF2-40B4-BE49-F238E27FC236}">
                  <a16:creationId xmlns="" xmlns:a16="http://schemas.microsoft.com/office/drawing/2014/main" id="{FFA59011-5F63-4D5E-BCB4-C4CD516CE26C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8" name="Freeform: Shape 147">
              <a:extLst>
                <a:ext uri="{FF2B5EF4-FFF2-40B4-BE49-F238E27FC236}">
                  <a16:creationId xmlns="" xmlns:a16="http://schemas.microsoft.com/office/drawing/2014/main" id="{CA4B48CB-379C-44DB-9ABA-E276C6C1A2EA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9" name="Freeform: Shape 148">
              <a:extLst>
                <a:ext uri="{FF2B5EF4-FFF2-40B4-BE49-F238E27FC236}">
                  <a16:creationId xmlns="" xmlns:a16="http://schemas.microsoft.com/office/drawing/2014/main" id="{72D5DBD6-63B1-444B-BD1E-F39669F4F18D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pic>
        <p:nvPicPr>
          <p:cNvPr id="152" name="Picture 151">
            <a:extLst>
              <a:ext uri="{FF2B5EF4-FFF2-40B4-BE49-F238E27FC236}">
                <a16:creationId xmlns="" xmlns:a16="http://schemas.microsoft.com/office/drawing/2014/main" id="{D3D6ED5E-7977-42C4-B0FA-B5E3C29BBE96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8563" y="4586729"/>
            <a:ext cx="791774" cy="791774"/>
          </a:xfrm>
          <a:prstGeom prst="rect">
            <a:avLst/>
          </a:prstGeom>
        </p:spPr>
      </p:pic>
      <p:grpSp>
        <p:nvGrpSpPr>
          <p:cNvPr id="154" name="Group 153">
            <a:extLst>
              <a:ext uri="{FF2B5EF4-FFF2-40B4-BE49-F238E27FC236}">
                <a16:creationId xmlns="" xmlns:a16="http://schemas.microsoft.com/office/drawing/2014/main" id="{A7D19681-99D0-4F7B-BFD7-7D0F9B36F564}"/>
              </a:ext>
            </a:extLst>
          </p:cNvPr>
          <p:cNvGrpSpPr/>
          <p:nvPr/>
        </p:nvGrpSpPr>
        <p:grpSpPr>
          <a:xfrm>
            <a:off x="-669064" y="10260734"/>
            <a:ext cx="8196128" cy="2034800"/>
            <a:chOff x="7450922" y="652423"/>
            <a:chExt cx="8196128" cy="2034800"/>
          </a:xfrm>
        </p:grpSpPr>
        <p:sp>
          <p:nvSpPr>
            <p:cNvPr id="155" name="Freeform: Shape 154">
              <a:extLst>
                <a:ext uri="{FF2B5EF4-FFF2-40B4-BE49-F238E27FC236}">
                  <a16:creationId xmlns="" xmlns:a16="http://schemas.microsoft.com/office/drawing/2014/main" id="{93E0DA91-937D-43DC-89E9-B98E97E046BE}"/>
                </a:ext>
              </a:extLst>
            </p:cNvPr>
            <p:cNvSpPr/>
            <p:nvPr/>
          </p:nvSpPr>
          <p:spPr>
            <a:xfrm>
              <a:off x="9709382" y="652423"/>
              <a:ext cx="3679210" cy="1389820"/>
            </a:xfrm>
            <a:custGeom>
              <a:avLst/>
              <a:gdLst>
                <a:gd name="connsiteX0" fmla="*/ 126436 w 2615328"/>
                <a:gd name="connsiteY0" fmla="*/ 493360 h 987937"/>
                <a:gd name="connsiteX1" fmla="*/ 320404 w 2615328"/>
                <a:gd name="connsiteY1" fmla="*/ 338030 h 987937"/>
                <a:gd name="connsiteX2" fmla="*/ 410096 w 2615328"/>
                <a:gd name="connsiteY2" fmla="*/ 359413 h 987937"/>
                <a:gd name="connsiteX3" fmla="*/ 631807 w 2615328"/>
                <a:gd name="connsiteY3" fmla="*/ 221948 h 987937"/>
                <a:gd name="connsiteX4" fmla="*/ 714835 w 2615328"/>
                <a:gd name="connsiteY4" fmla="*/ 236225 h 987937"/>
                <a:gd name="connsiteX5" fmla="*/ 977652 w 2615328"/>
                <a:gd name="connsiteY5" fmla="*/ 71659 h 987937"/>
                <a:gd name="connsiteX6" fmla="*/ 1212152 w 2615328"/>
                <a:gd name="connsiteY6" fmla="*/ 189603 h 987937"/>
                <a:gd name="connsiteX7" fmla="*/ 1485696 w 2615328"/>
                <a:gd name="connsiteY7" fmla="*/ 0 h 987937"/>
                <a:gd name="connsiteX8" fmla="*/ 1772638 w 2615328"/>
                <a:gd name="connsiteY8" fmla="*/ 237511 h 987937"/>
                <a:gd name="connsiteX9" fmla="*/ 2011435 w 2615328"/>
                <a:gd name="connsiteY9" fmla="*/ 130394 h 987937"/>
                <a:gd name="connsiteX10" fmla="*/ 2330688 w 2615328"/>
                <a:gd name="connsiteY10" fmla="*/ 432121 h 987937"/>
                <a:gd name="connsiteX11" fmla="*/ 2407659 w 2615328"/>
                <a:gd name="connsiteY11" fmla="*/ 417471 h 987937"/>
                <a:gd name="connsiteX12" fmla="*/ 2617055 w 2615328"/>
                <a:gd name="connsiteY12" fmla="*/ 626867 h 987937"/>
                <a:gd name="connsiteX13" fmla="*/ 2407659 w 2615328"/>
                <a:gd name="connsiteY13" fmla="*/ 836262 h 987937"/>
                <a:gd name="connsiteX14" fmla="*/ 2289648 w 2615328"/>
                <a:gd name="connsiteY14" fmla="*/ 799857 h 987937"/>
                <a:gd name="connsiteX15" fmla="*/ 2137837 w 2615328"/>
                <a:gd name="connsiteY15" fmla="*/ 865122 h 987937"/>
                <a:gd name="connsiteX16" fmla="*/ 1998510 w 2615328"/>
                <a:gd name="connsiteY16" fmla="*/ 812004 h 987937"/>
                <a:gd name="connsiteX17" fmla="*/ 1711941 w 2615328"/>
                <a:gd name="connsiteY17" fmla="*/ 989798 h 987937"/>
                <a:gd name="connsiteX18" fmla="*/ 1420161 w 2615328"/>
                <a:gd name="connsiteY18" fmla="*/ 801075 h 987937"/>
                <a:gd name="connsiteX19" fmla="*/ 1325291 w 2615328"/>
                <a:gd name="connsiteY19" fmla="*/ 816842 h 987937"/>
                <a:gd name="connsiteX20" fmla="*/ 1298360 w 2615328"/>
                <a:gd name="connsiteY20" fmla="*/ 815590 h 987937"/>
                <a:gd name="connsiteX21" fmla="*/ 1163026 w 2615328"/>
                <a:gd name="connsiteY21" fmla="*/ 868844 h 987937"/>
                <a:gd name="connsiteX22" fmla="*/ 1048195 w 2615328"/>
                <a:gd name="connsiteY22" fmla="*/ 832270 h 987937"/>
                <a:gd name="connsiteX23" fmla="*/ 950485 w 2615328"/>
                <a:gd name="connsiteY23" fmla="*/ 849051 h 987937"/>
                <a:gd name="connsiteX24" fmla="*/ 878927 w 2615328"/>
                <a:gd name="connsiteY24" fmla="*/ 840221 h 987937"/>
                <a:gd name="connsiteX25" fmla="*/ 763385 w 2615328"/>
                <a:gd name="connsiteY25" fmla="*/ 877302 h 987937"/>
                <a:gd name="connsiteX26" fmla="*/ 644460 w 2615328"/>
                <a:gd name="connsiteY26" fmla="*/ 837819 h 987937"/>
                <a:gd name="connsiteX27" fmla="*/ 575305 w 2615328"/>
                <a:gd name="connsiteY27" fmla="*/ 854262 h 987937"/>
                <a:gd name="connsiteX28" fmla="*/ 482398 w 2615328"/>
                <a:gd name="connsiteY28" fmla="*/ 877302 h 987937"/>
                <a:gd name="connsiteX29" fmla="*/ 340601 w 2615328"/>
                <a:gd name="connsiteY29" fmla="*/ 817789 h 987937"/>
                <a:gd name="connsiteX30" fmla="*/ 198806 w 2615328"/>
                <a:gd name="connsiteY30" fmla="*/ 877302 h 987937"/>
                <a:gd name="connsiteX31" fmla="*/ 0 w 2615328"/>
                <a:gd name="connsiteY31" fmla="*/ 678497 h 987937"/>
                <a:gd name="connsiteX32" fmla="*/ 126436 w 2615328"/>
                <a:gd name="connsiteY32" fmla="*/ 493360 h 9879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2615328" h="987937">
                  <a:moveTo>
                    <a:pt x="126436" y="493360"/>
                  </a:moveTo>
                  <a:cubicBezTo>
                    <a:pt x="146262" y="404479"/>
                    <a:pt x="225568" y="338030"/>
                    <a:pt x="320404" y="338030"/>
                  </a:cubicBezTo>
                  <a:cubicBezTo>
                    <a:pt x="352681" y="338030"/>
                    <a:pt x="383131" y="345778"/>
                    <a:pt x="410096" y="359413"/>
                  </a:cubicBezTo>
                  <a:cubicBezTo>
                    <a:pt x="450595" y="277942"/>
                    <a:pt x="534672" y="221948"/>
                    <a:pt x="631807" y="221948"/>
                  </a:cubicBezTo>
                  <a:cubicBezTo>
                    <a:pt x="660937" y="221948"/>
                    <a:pt x="688883" y="226989"/>
                    <a:pt x="714835" y="236225"/>
                  </a:cubicBezTo>
                  <a:cubicBezTo>
                    <a:pt x="762167" y="138819"/>
                    <a:pt x="862078" y="71659"/>
                    <a:pt x="977652" y="71659"/>
                  </a:cubicBezTo>
                  <a:cubicBezTo>
                    <a:pt x="1073706" y="71659"/>
                    <a:pt x="1158932" y="118045"/>
                    <a:pt x="1212152" y="189603"/>
                  </a:cubicBezTo>
                  <a:cubicBezTo>
                    <a:pt x="1253633" y="78832"/>
                    <a:pt x="1360445" y="0"/>
                    <a:pt x="1485696" y="0"/>
                  </a:cubicBezTo>
                  <a:cubicBezTo>
                    <a:pt x="1628339" y="0"/>
                    <a:pt x="1747093" y="102279"/>
                    <a:pt x="1772638" y="237511"/>
                  </a:cubicBezTo>
                  <a:cubicBezTo>
                    <a:pt x="1831204" y="171806"/>
                    <a:pt x="1916464" y="130394"/>
                    <a:pt x="2011435" y="130394"/>
                  </a:cubicBezTo>
                  <a:cubicBezTo>
                    <a:pt x="2181989" y="130394"/>
                    <a:pt x="2321316" y="263901"/>
                    <a:pt x="2330688" y="432121"/>
                  </a:cubicBezTo>
                  <a:cubicBezTo>
                    <a:pt x="2354507" y="422682"/>
                    <a:pt x="2380457" y="417471"/>
                    <a:pt x="2407659" y="417471"/>
                  </a:cubicBezTo>
                  <a:cubicBezTo>
                    <a:pt x="2523302" y="417471"/>
                    <a:pt x="2617055" y="511224"/>
                    <a:pt x="2617055" y="626867"/>
                  </a:cubicBezTo>
                  <a:cubicBezTo>
                    <a:pt x="2617055" y="742509"/>
                    <a:pt x="2523302" y="836262"/>
                    <a:pt x="2407659" y="836262"/>
                  </a:cubicBezTo>
                  <a:cubicBezTo>
                    <a:pt x="2363879" y="836262"/>
                    <a:pt x="2323244" y="822796"/>
                    <a:pt x="2289648" y="799857"/>
                  </a:cubicBezTo>
                  <a:cubicBezTo>
                    <a:pt x="2251483" y="840051"/>
                    <a:pt x="2197587" y="865122"/>
                    <a:pt x="2137837" y="865122"/>
                  </a:cubicBezTo>
                  <a:cubicBezTo>
                    <a:pt x="2084313" y="865122"/>
                    <a:pt x="2035524" y="845025"/>
                    <a:pt x="1998510" y="812004"/>
                  </a:cubicBezTo>
                  <a:cubicBezTo>
                    <a:pt x="1946203" y="917361"/>
                    <a:pt x="1837530" y="989798"/>
                    <a:pt x="1711941" y="989798"/>
                  </a:cubicBezTo>
                  <a:cubicBezTo>
                    <a:pt x="1582021" y="989798"/>
                    <a:pt x="1470200" y="912320"/>
                    <a:pt x="1420161" y="801075"/>
                  </a:cubicBezTo>
                  <a:cubicBezTo>
                    <a:pt x="1390421" y="811293"/>
                    <a:pt x="1358517" y="816842"/>
                    <a:pt x="1325291" y="816842"/>
                  </a:cubicBezTo>
                  <a:cubicBezTo>
                    <a:pt x="1316225" y="816842"/>
                    <a:pt x="1307225" y="816402"/>
                    <a:pt x="1298360" y="815590"/>
                  </a:cubicBezTo>
                  <a:cubicBezTo>
                    <a:pt x="1262870" y="848611"/>
                    <a:pt x="1215299" y="868844"/>
                    <a:pt x="1163026" y="868844"/>
                  </a:cubicBezTo>
                  <a:cubicBezTo>
                    <a:pt x="1120227" y="868844"/>
                    <a:pt x="1080641" y="855277"/>
                    <a:pt x="1048195" y="832270"/>
                  </a:cubicBezTo>
                  <a:cubicBezTo>
                    <a:pt x="1017644" y="843130"/>
                    <a:pt x="984758" y="849051"/>
                    <a:pt x="950485" y="849051"/>
                  </a:cubicBezTo>
                  <a:cubicBezTo>
                    <a:pt x="925785" y="849051"/>
                    <a:pt x="901833" y="845972"/>
                    <a:pt x="878927" y="840221"/>
                  </a:cubicBezTo>
                  <a:cubicBezTo>
                    <a:pt x="846344" y="863532"/>
                    <a:pt x="806489" y="877302"/>
                    <a:pt x="763385" y="877302"/>
                  </a:cubicBezTo>
                  <a:cubicBezTo>
                    <a:pt x="718793" y="877302"/>
                    <a:pt x="677618" y="862618"/>
                    <a:pt x="644460" y="837819"/>
                  </a:cubicBezTo>
                  <a:cubicBezTo>
                    <a:pt x="623111" y="847190"/>
                    <a:pt x="599801" y="852976"/>
                    <a:pt x="575305" y="854262"/>
                  </a:cubicBezTo>
                  <a:cubicBezTo>
                    <a:pt x="547562" y="868945"/>
                    <a:pt x="515961" y="877302"/>
                    <a:pt x="482398" y="877302"/>
                  </a:cubicBezTo>
                  <a:cubicBezTo>
                    <a:pt x="426844" y="877302"/>
                    <a:pt x="376668" y="854498"/>
                    <a:pt x="340601" y="817789"/>
                  </a:cubicBezTo>
                  <a:cubicBezTo>
                    <a:pt x="304536" y="854498"/>
                    <a:pt x="254326" y="877302"/>
                    <a:pt x="198806" y="877302"/>
                  </a:cubicBezTo>
                  <a:cubicBezTo>
                    <a:pt x="89016" y="877302"/>
                    <a:pt x="0" y="788286"/>
                    <a:pt x="0" y="678497"/>
                  </a:cubicBezTo>
                  <a:cubicBezTo>
                    <a:pt x="-33" y="594285"/>
                    <a:pt x="52409" y="522287"/>
                    <a:pt x="126436" y="493360"/>
                  </a:cubicBezTo>
                  <a:close/>
                </a:path>
              </a:pathLst>
            </a:custGeom>
            <a:solidFill>
              <a:srgbClr val="6586DC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56" name="Freeform: Shape 155">
              <a:extLst>
                <a:ext uri="{FF2B5EF4-FFF2-40B4-BE49-F238E27FC236}">
                  <a16:creationId xmlns="" xmlns:a16="http://schemas.microsoft.com/office/drawing/2014/main" id="{A91C8ECC-DF49-49A9-8D0E-3007E3E759C1}"/>
                </a:ext>
              </a:extLst>
            </p:cNvPr>
            <p:cNvSpPr/>
            <p:nvPr/>
          </p:nvSpPr>
          <p:spPr>
            <a:xfrm>
              <a:off x="9176297" y="846171"/>
              <a:ext cx="4745378" cy="1594486"/>
            </a:xfrm>
            <a:custGeom>
              <a:avLst/>
              <a:gdLst>
                <a:gd name="connsiteX0" fmla="*/ 3187047 w 3373198"/>
                <a:gd name="connsiteY0" fmla="*/ 642092 h 1133421"/>
                <a:gd name="connsiteX1" fmla="*/ 3119853 w 3373198"/>
                <a:gd name="connsiteY1" fmla="*/ 654407 h 1133421"/>
                <a:gd name="connsiteX2" fmla="*/ 3059359 w 3373198"/>
                <a:gd name="connsiteY2" fmla="*/ 619220 h 1133421"/>
                <a:gd name="connsiteX3" fmla="*/ 2837107 w 3373198"/>
                <a:gd name="connsiteY3" fmla="*/ 441256 h 1133421"/>
                <a:gd name="connsiteX4" fmla="*/ 2734354 w 3373198"/>
                <a:gd name="connsiteY4" fmla="*/ 465785 h 1133421"/>
                <a:gd name="connsiteX5" fmla="*/ 2480332 w 3373198"/>
                <a:gd name="connsiteY5" fmla="*/ 308291 h 1133421"/>
                <a:gd name="connsiteX6" fmla="*/ 2409655 w 3373198"/>
                <a:gd name="connsiteY6" fmla="*/ 317189 h 1133421"/>
                <a:gd name="connsiteX7" fmla="*/ 2094969 w 3373198"/>
                <a:gd name="connsiteY7" fmla="*/ 114425 h 1133421"/>
                <a:gd name="connsiteX8" fmla="*/ 1819497 w 3373198"/>
                <a:gd name="connsiteY8" fmla="*/ 251417 h 1133421"/>
                <a:gd name="connsiteX9" fmla="*/ 1475004 w 3373198"/>
                <a:gd name="connsiteY9" fmla="*/ 0 h 1133421"/>
                <a:gd name="connsiteX10" fmla="*/ 1122798 w 3373198"/>
                <a:gd name="connsiteY10" fmla="*/ 279261 h 1133421"/>
                <a:gd name="connsiteX11" fmla="*/ 899700 w 3373198"/>
                <a:gd name="connsiteY11" fmla="*/ 203475 h 1133421"/>
                <a:gd name="connsiteX12" fmla="*/ 547662 w 3373198"/>
                <a:gd name="connsiteY12" fmla="*/ 468086 h 1133421"/>
                <a:gd name="connsiteX13" fmla="*/ 445756 w 3373198"/>
                <a:gd name="connsiteY13" fmla="*/ 449072 h 1133421"/>
                <a:gd name="connsiteX14" fmla="*/ 182937 w 3373198"/>
                <a:gd name="connsiteY14" fmla="*/ 629438 h 1133421"/>
                <a:gd name="connsiteX15" fmla="*/ 0 w 3373198"/>
                <a:gd name="connsiteY15" fmla="*/ 829259 h 1133421"/>
                <a:gd name="connsiteX16" fmla="*/ 200633 w 3373198"/>
                <a:gd name="connsiteY16" fmla="*/ 1029891 h 1133421"/>
                <a:gd name="connsiteX17" fmla="*/ 326222 w 3373198"/>
                <a:gd name="connsiteY17" fmla="*/ 985671 h 1133421"/>
                <a:gd name="connsiteX18" fmla="*/ 445790 w 3373198"/>
                <a:gd name="connsiteY18" fmla="*/ 1012264 h 1133421"/>
                <a:gd name="connsiteX19" fmla="*/ 585489 w 3373198"/>
                <a:gd name="connsiteY19" fmla="*/ 975216 h 1133421"/>
                <a:gd name="connsiteX20" fmla="*/ 754960 w 3373198"/>
                <a:gd name="connsiteY20" fmla="*/ 1045319 h 1133421"/>
                <a:gd name="connsiteX21" fmla="*/ 903692 w 3373198"/>
                <a:gd name="connsiteY21" fmla="*/ 993588 h 1133421"/>
                <a:gd name="connsiteX22" fmla="*/ 1193205 w 3373198"/>
                <a:gd name="connsiteY22" fmla="*/ 1135452 h 1133421"/>
                <a:gd name="connsiteX23" fmla="*/ 1515537 w 3373198"/>
                <a:gd name="connsiteY23" fmla="*/ 943379 h 1133421"/>
                <a:gd name="connsiteX24" fmla="*/ 1685923 w 3373198"/>
                <a:gd name="connsiteY24" fmla="*/ 989968 h 1133421"/>
                <a:gd name="connsiteX25" fmla="*/ 1716778 w 3373198"/>
                <a:gd name="connsiteY25" fmla="*/ 988547 h 1133421"/>
                <a:gd name="connsiteX26" fmla="*/ 1871871 w 3373198"/>
                <a:gd name="connsiteY26" fmla="*/ 1049548 h 1133421"/>
                <a:gd name="connsiteX27" fmla="*/ 2003416 w 3373198"/>
                <a:gd name="connsiteY27" fmla="*/ 1007663 h 1133421"/>
                <a:gd name="connsiteX28" fmla="*/ 2115371 w 3373198"/>
                <a:gd name="connsiteY28" fmla="*/ 1026880 h 1133421"/>
                <a:gd name="connsiteX29" fmla="*/ 2197349 w 3373198"/>
                <a:gd name="connsiteY29" fmla="*/ 1016730 h 1133421"/>
                <a:gd name="connsiteX30" fmla="*/ 2329739 w 3373198"/>
                <a:gd name="connsiteY30" fmla="*/ 1059225 h 1133421"/>
                <a:gd name="connsiteX31" fmla="*/ 2466021 w 3373198"/>
                <a:gd name="connsiteY31" fmla="*/ 1013990 h 1133421"/>
                <a:gd name="connsiteX32" fmla="*/ 2545259 w 3373198"/>
                <a:gd name="connsiteY32" fmla="*/ 1032835 h 1133421"/>
                <a:gd name="connsiteX33" fmla="*/ 2651699 w 3373198"/>
                <a:gd name="connsiteY33" fmla="*/ 1059225 h 1133421"/>
                <a:gd name="connsiteX34" fmla="*/ 2814168 w 3373198"/>
                <a:gd name="connsiteY34" fmla="*/ 991050 h 1133421"/>
                <a:gd name="connsiteX35" fmla="*/ 2976636 w 3373198"/>
                <a:gd name="connsiteY35" fmla="*/ 1059225 h 1133421"/>
                <a:gd name="connsiteX36" fmla="*/ 3119988 w 3373198"/>
                <a:gd name="connsiteY36" fmla="*/ 1008407 h 1133421"/>
                <a:gd name="connsiteX37" fmla="*/ 3187182 w 3373198"/>
                <a:gd name="connsiteY37" fmla="*/ 1020722 h 1133421"/>
                <a:gd name="connsiteX38" fmla="*/ 3376480 w 3373198"/>
                <a:gd name="connsiteY38" fmla="*/ 831424 h 1133421"/>
                <a:gd name="connsiteX39" fmla="*/ 3187047 w 3373198"/>
                <a:gd name="connsiteY39" fmla="*/ 642092 h 113342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</a:cxnLst>
              <a:rect l="l" t="t" r="r" b="b"/>
              <a:pathLst>
                <a:path w="3373198" h="1133421">
                  <a:moveTo>
                    <a:pt x="3187047" y="642092"/>
                  </a:moveTo>
                  <a:cubicBezTo>
                    <a:pt x="3163397" y="642092"/>
                    <a:pt x="3140763" y="646456"/>
                    <a:pt x="3119853" y="654407"/>
                  </a:cubicBezTo>
                  <a:cubicBezTo>
                    <a:pt x="3101786" y="639757"/>
                    <a:pt x="3081385" y="627814"/>
                    <a:pt x="3059359" y="619220"/>
                  </a:cubicBezTo>
                  <a:cubicBezTo>
                    <a:pt x="3036623" y="517382"/>
                    <a:pt x="2945780" y="441256"/>
                    <a:pt x="2837107" y="441256"/>
                  </a:cubicBezTo>
                  <a:cubicBezTo>
                    <a:pt x="2800126" y="441256"/>
                    <a:pt x="2765244" y="450121"/>
                    <a:pt x="2734354" y="465785"/>
                  </a:cubicBezTo>
                  <a:cubicBezTo>
                    <a:pt x="2687935" y="372439"/>
                    <a:pt x="2591645" y="308291"/>
                    <a:pt x="2480332" y="308291"/>
                  </a:cubicBezTo>
                  <a:cubicBezTo>
                    <a:pt x="2455939" y="308291"/>
                    <a:pt x="2432255" y="311369"/>
                    <a:pt x="2409655" y="317189"/>
                  </a:cubicBezTo>
                  <a:cubicBezTo>
                    <a:pt x="2355352" y="197587"/>
                    <a:pt x="2234871" y="114425"/>
                    <a:pt x="2094969" y="114425"/>
                  </a:cubicBezTo>
                  <a:cubicBezTo>
                    <a:pt x="1982507" y="114425"/>
                    <a:pt x="1882596" y="168186"/>
                    <a:pt x="1819497" y="251417"/>
                  </a:cubicBezTo>
                  <a:cubicBezTo>
                    <a:pt x="1772875" y="105594"/>
                    <a:pt x="1636288" y="0"/>
                    <a:pt x="1475004" y="0"/>
                  </a:cubicBezTo>
                  <a:cubicBezTo>
                    <a:pt x="1303637" y="0"/>
                    <a:pt x="1160082" y="119229"/>
                    <a:pt x="1122798" y="279261"/>
                  </a:cubicBezTo>
                  <a:cubicBezTo>
                    <a:pt x="1061018" y="231759"/>
                    <a:pt x="983641" y="203475"/>
                    <a:pt x="899700" y="203475"/>
                  </a:cubicBezTo>
                  <a:cubicBezTo>
                    <a:pt x="732664" y="203475"/>
                    <a:pt x="591781" y="315260"/>
                    <a:pt x="547662" y="468086"/>
                  </a:cubicBezTo>
                  <a:cubicBezTo>
                    <a:pt x="516062" y="455805"/>
                    <a:pt x="481687" y="449072"/>
                    <a:pt x="445756" y="449072"/>
                  </a:cubicBezTo>
                  <a:cubicBezTo>
                    <a:pt x="325917" y="449072"/>
                    <a:pt x="223571" y="523945"/>
                    <a:pt x="182937" y="629438"/>
                  </a:cubicBezTo>
                  <a:cubicBezTo>
                    <a:pt x="80422" y="638404"/>
                    <a:pt x="0" y="724409"/>
                    <a:pt x="0" y="829259"/>
                  </a:cubicBezTo>
                  <a:cubicBezTo>
                    <a:pt x="0" y="940063"/>
                    <a:pt x="89828" y="1029891"/>
                    <a:pt x="200633" y="1029891"/>
                  </a:cubicBezTo>
                  <a:cubicBezTo>
                    <a:pt x="248202" y="1029891"/>
                    <a:pt x="291848" y="1013313"/>
                    <a:pt x="326222" y="985671"/>
                  </a:cubicBezTo>
                  <a:cubicBezTo>
                    <a:pt x="362525" y="1002723"/>
                    <a:pt x="403024" y="1012264"/>
                    <a:pt x="445790" y="1012264"/>
                  </a:cubicBezTo>
                  <a:cubicBezTo>
                    <a:pt x="496608" y="1012264"/>
                    <a:pt x="544313" y="998798"/>
                    <a:pt x="585489" y="975216"/>
                  </a:cubicBezTo>
                  <a:cubicBezTo>
                    <a:pt x="628896" y="1018523"/>
                    <a:pt x="688782" y="1045319"/>
                    <a:pt x="754960" y="1045319"/>
                  </a:cubicBezTo>
                  <a:cubicBezTo>
                    <a:pt x="811158" y="1045319"/>
                    <a:pt x="862822" y="1025933"/>
                    <a:pt x="903692" y="993588"/>
                  </a:cubicBezTo>
                  <a:cubicBezTo>
                    <a:pt x="970716" y="1079897"/>
                    <a:pt x="1075465" y="1135452"/>
                    <a:pt x="1193205" y="1135452"/>
                  </a:cubicBezTo>
                  <a:cubicBezTo>
                    <a:pt x="1332430" y="1135452"/>
                    <a:pt x="1453554" y="1057770"/>
                    <a:pt x="1515537" y="943379"/>
                  </a:cubicBezTo>
                  <a:cubicBezTo>
                    <a:pt x="1565441" y="972983"/>
                    <a:pt x="1623702" y="989968"/>
                    <a:pt x="1685923" y="989968"/>
                  </a:cubicBezTo>
                  <a:cubicBezTo>
                    <a:pt x="1696343" y="989968"/>
                    <a:pt x="1706628" y="989460"/>
                    <a:pt x="1716778" y="988547"/>
                  </a:cubicBezTo>
                  <a:cubicBezTo>
                    <a:pt x="1757446" y="1026372"/>
                    <a:pt x="1811919" y="1049548"/>
                    <a:pt x="1871871" y="1049548"/>
                  </a:cubicBezTo>
                  <a:cubicBezTo>
                    <a:pt x="1920896" y="1049548"/>
                    <a:pt x="1966266" y="1034019"/>
                    <a:pt x="2003416" y="1007663"/>
                  </a:cubicBezTo>
                  <a:cubicBezTo>
                    <a:pt x="2038434" y="1020079"/>
                    <a:pt x="2076124" y="1026880"/>
                    <a:pt x="2115371" y="1026880"/>
                  </a:cubicBezTo>
                  <a:cubicBezTo>
                    <a:pt x="2143655" y="1026880"/>
                    <a:pt x="2171128" y="1023361"/>
                    <a:pt x="2197349" y="1016730"/>
                  </a:cubicBezTo>
                  <a:cubicBezTo>
                    <a:pt x="2234668" y="1043424"/>
                    <a:pt x="2280343" y="1059225"/>
                    <a:pt x="2329739" y="1059225"/>
                  </a:cubicBezTo>
                  <a:cubicBezTo>
                    <a:pt x="2380828" y="1059225"/>
                    <a:pt x="2427992" y="1042410"/>
                    <a:pt x="2466021" y="1013990"/>
                  </a:cubicBezTo>
                  <a:cubicBezTo>
                    <a:pt x="2490482" y="1024749"/>
                    <a:pt x="2517177" y="1031346"/>
                    <a:pt x="2545259" y="1032835"/>
                  </a:cubicBezTo>
                  <a:cubicBezTo>
                    <a:pt x="2577029" y="1049650"/>
                    <a:pt x="2613230" y="1059225"/>
                    <a:pt x="2651699" y="1059225"/>
                  </a:cubicBezTo>
                  <a:cubicBezTo>
                    <a:pt x="2715340" y="1059225"/>
                    <a:pt x="2772823" y="1033105"/>
                    <a:pt x="2814168" y="991050"/>
                  </a:cubicBezTo>
                  <a:cubicBezTo>
                    <a:pt x="2855478" y="1033105"/>
                    <a:pt x="2912995" y="1059225"/>
                    <a:pt x="2976636" y="1059225"/>
                  </a:cubicBezTo>
                  <a:cubicBezTo>
                    <a:pt x="3030972" y="1059225"/>
                    <a:pt x="3080843" y="1040177"/>
                    <a:pt x="3119988" y="1008407"/>
                  </a:cubicBezTo>
                  <a:cubicBezTo>
                    <a:pt x="3140863" y="1016324"/>
                    <a:pt x="3163499" y="1020722"/>
                    <a:pt x="3187182" y="1020722"/>
                  </a:cubicBezTo>
                  <a:cubicBezTo>
                    <a:pt x="3291727" y="1020722"/>
                    <a:pt x="3376480" y="935970"/>
                    <a:pt x="3376480" y="831424"/>
                  </a:cubicBezTo>
                  <a:cubicBezTo>
                    <a:pt x="3376480" y="726878"/>
                    <a:pt x="3291592" y="642092"/>
                    <a:pt x="3187047" y="642092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57" name="Freeform: Shape 156">
              <a:extLst>
                <a:ext uri="{FF2B5EF4-FFF2-40B4-BE49-F238E27FC236}">
                  <a16:creationId xmlns="" xmlns:a16="http://schemas.microsoft.com/office/drawing/2014/main" id="{2498A33E-85BB-4DA1-A45A-57ED8584E44B}"/>
                </a:ext>
              </a:extLst>
            </p:cNvPr>
            <p:cNvSpPr/>
            <p:nvPr/>
          </p:nvSpPr>
          <p:spPr>
            <a:xfrm>
              <a:off x="7450922" y="1168893"/>
              <a:ext cx="8196128" cy="1518330"/>
            </a:xfrm>
            <a:custGeom>
              <a:avLst/>
              <a:gdLst>
                <a:gd name="connsiteX0" fmla="*/ 5826194 w 5826125"/>
                <a:gd name="connsiteY0" fmla="*/ 957149 h 1079288"/>
                <a:gd name="connsiteX1" fmla="*/ 5803153 w 5826125"/>
                <a:gd name="connsiteY1" fmla="*/ 1080371 h 1079288"/>
                <a:gd name="connsiteX2" fmla="*/ 52136 w 5826125"/>
                <a:gd name="connsiteY2" fmla="*/ 1080371 h 1079288"/>
                <a:gd name="connsiteX3" fmla="*/ 0 w 5826125"/>
                <a:gd name="connsiteY3" fmla="*/ 895775 h 1079288"/>
                <a:gd name="connsiteX4" fmla="*/ 343071 w 5826125"/>
                <a:gd name="connsiteY4" fmla="*/ 543264 h 1079288"/>
                <a:gd name="connsiteX5" fmla="*/ 783516 w 5826125"/>
                <a:gd name="connsiteY5" fmla="*/ 263258 h 1079288"/>
                <a:gd name="connsiteX6" fmla="*/ 1137819 w 5826125"/>
                <a:gd name="connsiteY6" fmla="*/ 416524 h 1079288"/>
                <a:gd name="connsiteX7" fmla="*/ 1364064 w 5826125"/>
                <a:gd name="connsiteY7" fmla="*/ 305009 h 1079288"/>
                <a:gd name="connsiteX8" fmla="*/ 1636863 w 5826125"/>
                <a:gd name="connsiteY8" fmla="*/ 506792 h 1079288"/>
                <a:gd name="connsiteX9" fmla="*/ 2068647 w 5826125"/>
                <a:gd name="connsiteY9" fmla="*/ 203407 h 1079288"/>
                <a:gd name="connsiteX10" fmla="*/ 2290560 w 5826125"/>
                <a:gd name="connsiteY10" fmla="*/ 260586 h 1079288"/>
                <a:gd name="connsiteX11" fmla="*/ 2700690 w 5826125"/>
                <a:gd name="connsiteY11" fmla="*/ 0 h 1079288"/>
                <a:gd name="connsiteX12" fmla="*/ 3144010 w 5826125"/>
                <a:gd name="connsiteY12" fmla="*/ 360191 h 1079288"/>
                <a:gd name="connsiteX13" fmla="*/ 3163261 w 5826125"/>
                <a:gd name="connsiteY13" fmla="*/ 364928 h 1079288"/>
                <a:gd name="connsiteX14" fmla="*/ 3565474 w 5826125"/>
                <a:gd name="connsiteY14" fmla="*/ 91926 h 1079288"/>
                <a:gd name="connsiteX15" fmla="*/ 3959532 w 5826125"/>
                <a:gd name="connsiteY15" fmla="*/ 345846 h 1079288"/>
                <a:gd name="connsiteX16" fmla="*/ 4048074 w 5826125"/>
                <a:gd name="connsiteY16" fmla="*/ 334715 h 1079288"/>
                <a:gd name="connsiteX17" fmla="*/ 4366177 w 5826125"/>
                <a:gd name="connsiteY17" fmla="*/ 531896 h 1079288"/>
                <a:gd name="connsiteX18" fmla="*/ 4494879 w 5826125"/>
                <a:gd name="connsiteY18" fmla="*/ 501277 h 1079288"/>
                <a:gd name="connsiteX19" fmla="*/ 4732797 w 5826125"/>
                <a:gd name="connsiteY19" fmla="*/ 629134 h 1079288"/>
                <a:gd name="connsiteX20" fmla="*/ 5120698 w 5826125"/>
                <a:gd name="connsiteY20" fmla="*/ 377446 h 1079288"/>
                <a:gd name="connsiteX21" fmla="*/ 5387272 w 5826125"/>
                <a:gd name="connsiteY21" fmla="*/ 471571 h 1079288"/>
                <a:gd name="connsiteX22" fmla="*/ 5479230 w 5826125"/>
                <a:gd name="connsiteY22" fmla="*/ 470928 h 1079288"/>
                <a:gd name="connsiteX23" fmla="*/ 5717317 w 5826125"/>
                <a:gd name="connsiteY23" fmla="*/ 708135 h 1079288"/>
                <a:gd name="connsiteX24" fmla="*/ 5826194 w 5826125"/>
                <a:gd name="connsiteY24" fmla="*/ 957149 h 107928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</a:cxnLst>
              <a:rect l="l" t="t" r="r" b="b"/>
              <a:pathLst>
                <a:path w="5826125" h="1079288">
                  <a:moveTo>
                    <a:pt x="5826194" y="957149"/>
                  </a:moveTo>
                  <a:cubicBezTo>
                    <a:pt x="5826194" y="1000625"/>
                    <a:pt x="5818006" y="1042173"/>
                    <a:pt x="5803153" y="1080371"/>
                  </a:cubicBezTo>
                  <a:lnTo>
                    <a:pt x="52136" y="1080371"/>
                  </a:lnTo>
                  <a:cubicBezTo>
                    <a:pt x="19081" y="1026677"/>
                    <a:pt x="0" y="963476"/>
                    <a:pt x="0" y="895775"/>
                  </a:cubicBezTo>
                  <a:cubicBezTo>
                    <a:pt x="0" y="704244"/>
                    <a:pt x="152758" y="548339"/>
                    <a:pt x="343071" y="543264"/>
                  </a:cubicBezTo>
                  <a:cubicBezTo>
                    <a:pt x="420685" y="377852"/>
                    <a:pt x="588668" y="263258"/>
                    <a:pt x="783516" y="263258"/>
                  </a:cubicBezTo>
                  <a:cubicBezTo>
                    <a:pt x="923215" y="263258"/>
                    <a:pt x="1049142" y="322196"/>
                    <a:pt x="1137819" y="416524"/>
                  </a:cubicBezTo>
                  <a:cubicBezTo>
                    <a:pt x="1189990" y="348722"/>
                    <a:pt x="1271868" y="305009"/>
                    <a:pt x="1364064" y="305009"/>
                  </a:cubicBezTo>
                  <a:cubicBezTo>
                    <a:pt x="1492529" y="305009"/>
                    <a:pt x="1601203" y="389999"/>
                    <a:pt x="1636863" y="506792"/>
                  </a:cubicBezTo>
                  <a:cubicBezTo>
                    <a:pt x="1700539" y="329910"/>
                    <a:pt x="1869807" y="203407"/>
                    <a:pt x="2068647" y="203407"/>
                  </a:cubicBezTo>
                  <a:cubicBezTo>
                    <a:pt x="2149137" y="203407"/>
                    <a:pt x="2224788" y="224147"/>
                    <a:pt x="2290560" y="260586"/>
                  </a:cubicBezTo>
                  <a:cubicBezTo>
                    <a:pt x="2362863" y="106609"/>
                    <a:pt x="2519309" y="0"/>
                    <a:pt x="2700690" y="0"/>
                  </a:cubicBezTo>
                  <a:cubicBezTo>
                    <a:pt x="2919017" y="0"/>
                    <a:pt x="3101278" y="154517"/>
                    <a:pt x="3144010" y="360191"/>
                  </a:cubicBezTo>
                  <a:cubicBezTo>
                    <a:pt x="3150505" y="361612"/>
                    <a:pt x="3156900" y="363203"/>
                    <a:pt x="3163261" y="364928"/>
                  </a:cubicBezTo>
                  <a:cubicBezTo>
                    <a:pt x="3226801" y="204997"/>
                    <a:pt x="3382942" y="91926"/>
                    <a:pt x="3565474" y="91926"/>
                  </a:cubicBezTo>
                  <a:cubicBezTo>
                    <a:pt x="3740663" y="91926"/>
                    <a:pt x="3891526" y="196065"/>
                    <a:pt x="3959532" y="345846"/>
                  </a:cubicBezTo>
                  <a:cubicBezTo>
                    <a:pt x="3987851" y="338606"/>
                    <a:pt x="4017488" y="334715"/>
                    <a:pt x="4048074" y="334715"/>
                  </a:cubicBezTo>
                  <a:cubicBezTo>
                    <a:pt x="4187434" y="334715"/>
                    <a:pt x="4308052" y="415035"/>
                    <a:pt x="4366177" y="531896"/>
                  </a:cubicBezTo>
                  <a:cubicBezTo>
                    <a:pt x="4404849" y="512307"/>
                    <a:pt x="4448561" y="501277"/>
                    <a:pt x="4494879" y="501277"/>
                  </a:cubicBezTo>
                  <a:cubicBezTo>
                    <a:pt x="4594214" y="501277"/>
                    <a:pt x="4681709" y="552095"/>
                    <a:pt x="4732797" y="629134"/>
                  </a:cubicBezTo>
                  <a:cubicBezTo>
                    <a:pt x="4799009" y="480841"/>
                    <a:pt x="4947809" y="377446"/>
                    <a:pt x="5120698" y="377446"/>
                  </a:cubicBezTo>
                  <a:cubicBezTo>
                    <a:pt x="5221691" y="377446"/>
                    <a:pt x="5314395" y="412701"/>
                    <a:pt x="5387272" y="471571"/>
                  </a:cubicBezTo>
                  <a:cubicBezTo>
                    <a:pt x="5416909" y="466496"/>
                    <a:pt x="5447867" y="466056"/>
                    <a:pt x="5479230" y="470928"/>
                  </a:cubicBezTo>
                  <a:cubicBezTo>
                    <a:pt x="5604821" y="490383"/>
                    <a:pt x="5698438" y="589007"/>
                    <a:pt x="5717317" y="708135"/>
                  </a:cubicBezTo>
                  <a:cubicBezTo>
                    <a:pt x="5784274" y="770050"/>
                    <a:pt x="5826194" y="858694"/>
                    <a:pt x="5826194" y="957149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58" name="Group 157">
            <a:extLst>
              <a:ext uri="{FF2B5EF4-FFF2-40B4-BE49-F238E27FC236}">
                <a16:creationId xmlns="" xmlns:a16="http://schemas.microsoft.com/office/drawing/2014/main" id="{8428D489-F821-465D-A92F-F175EBF77ACB}"/>
              </a:ext>
            </a:extLst>
          </p:cNvPr>
          <p:cNvGrpSpPr/>
          <p:nvPr/>
        </p:nvGrpSpPr>
        <p:grpSpPr>
          <a:xfrm>
            <a:off x="1304664" y="569760"/>
            <a:ext cx="4248672" cy="763242"/>
            <a:chOff x="13402607" y="9185703"/>
            <a:chExt cx="9587459" cy="1879729"/>
          </a:xfrm>
        </p:grpSpPr>
        <p:sp>
          <p:nvSpPr>
            <p:cNvPr id="159" name="Rectangle: Rounded Corners 158">
              <a:hlinkClick r:id="rId6" action="ppaction://hlinksldjump"/>
              <a:extLst>
                <a:ext uri="{FF2B5EF4-FFF2-40B4-BE49-F238E27FC236}">
                  <a16:creationId xmlns="" xmlns:a16="http://schemas.microsoft.com/office/drawing/2014/main" id="{399CD940-BE12-416A-A335-9A52BA0F2EDB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28565"/>
              <a:endParaRPr lang="en-US" sz="700" dirty="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60" name="TextBox 159">
              <a:hlinkClick r:id="rId6" action="ppaction://hlinksldjump"/>
              <a:extLst>
                <a:ext uri="{FF2B5EF4-FFF2-40B4-BE49-F238E27FC236}">
                  <a16:creationId xmlns="" xmlns:a16="http://schemas.microsoft.com/office/drawing/2014/main" id="{39B81694-5240-4E8F-A61F-BAF74F55F610}"/>
                </a:ext>
              </a:extLst>
            </p:cNvPr>
            <p:cNvSpPr txBox="1"/>
            <p:nvPr/>
          </p:nvSpPr>
          <p:spPr>
            <a:xfrm>
              <a:off x="14558950" y="9481269"/>
              <a:ext cx="7754335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 defTabSz="128565"/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MATERI </a:t>
              </a:r>
              <a:r>
                <a:rPr lang="en-US" sz="2800" dirty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PWP</a:t>
              </a:r>
            </a:p>
          </p:txBody>
        </p:sp>
      </p:grpSp>
      <p:pic>
        <p:nvPicPr>
          <p:cNvPr id="171" name="Graphic 170" descr="Home">
            <a:hlinkClick r:id="rId7" action="ppaction://hlinksldjump"/>
            <a:extLst>
              <a:ext uri="{FF2B5EF4-FFF2-40B4-BE49-F238E27FC236}">
                <a16:creationId xmlns="" xmlns:a16="http://schemas.microsoft.com/office/drawing/2014/main" id="{027AA1F8-C51F-49C4-B61D-E8BFBC812F1B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5415996" y="9957087"/>
            <a:ext cx="914400" cy="914400"/>
          </a:xfrm>
          <a:prstGeom prst="rect">
            <a:avLst/>
          </a:prstGeom>
        </p:spPr>
      </p:pic>
      <p:pic>
        <p:nvPicPr>
          <p:cNvPr id="107" name="Graphic 106" descr="Arrow Horizontal U turn">
            <a:hlinkClick r:id="rId10" action="ppaction://hlinksldjump"/>
            <a:extLst>
              <a:ext uri="{FF2B5EF4-FFF2-40B4-BE49-F238E27FC236}">
                <a16:creationId xmlns="" xmlns:a16="http://schemas.microsoft.com/office/drawing/2014/main" id="{0B41A289-5E89-4AA5-894A-11846B77CB7C}"/>
              </a:ext>
            </a:extLst>
          </p:cNvPr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587749" y="9993907"/>
            <a:ext cx="914400" cy="914400"/>
          </a:xfrm>
          <a:prstGeom prst="rect">
            <a:avLst/>
          </a:prstGeom>
        </p:spPr>
      </p:pic>
      <p:sp>
        <p:nvSpPr>
          <p:cNvPr id="108" name="Rectangle: Rounded Corners 107">
            <a:extLst>
              <a:ext uri="{FF2B5EF4-FFF2-40B4-BE49-F238E27FC236}">
                <a16:creationId xmlns="" xmlns:a16="http://schemas.microsoft.com/office/drawing/2014/main" id="{9F7BB879-8341-4FEB-B883-706099DC1E38}"/>
              </a:ext>
            </a:extLst>
          </p:cNvPr>
          <p:cNvSpPr/>
          <p:nvPr/>
        </p:nvSpPr>
        <p:spPr>
          <a:xfrm>
            <a:off x="521486" y="2499150"/>
            <a:ext cx="5763874" cy="3421677"/>
          </a:xfrm>
          <a:prstGeom prst="roundRect">
            <a:avLst/>
          </a:prstGeom>
          <a:solidFill>
            <a:srgbClr val="5622EF">
              <a:alpha val="54000"/>
            </a:srgbClr>
          </a:solidFill>
          <a:ln w="7620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70" name="Picture 169">
            <a:extLst>
              <a:ext uri="{FF2B5EF4-FFF2-40B4-BE49-F238E27FC236}">
                <a16:creationId xmlns="" xmlns:a16="http://schemas.microsoft.com/office/drawing/2014/main" id="{482EACB3-0784-45C8-9DF4-DAA5178625C0}"/>
              </a:ext>
            </a:extLst>
          </p:cNvPr>
          <p:cNvPicPr>
            <a:picLocks noChangeAspect="1"/>
          </p:cNvPicPr>
          <p:nvPr/>
        </p:nvPicPr>
        <p:blipFill rotWithShape="1"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2301" t="-3774" r="-4493" b="-8621"/>
          <a:stretch/>
        </p:blipFill>
        <p:spPr>
          <a:xfrm>
            <a:off x="-59378" y="1255000"/>
            <a:ext cx="2121656" cy="2230349"/>
          </a:xfrm>
          <a:prstGeom prst="rect">
            <a:avLst/>
          </a:prstGeom>
        </p:spPr>
      </p:pic>
      <p:pic>
        <p:nvPicPr>
          <p:cNvPr id="109" name="Picture 108">
            <a:extLst>
              <a:ext uri="{FF2B5EF4-FFF2-40B4-BE49-F238E27FC236}">
                <a16:creationId xmlns="" xmlns:a16="http://schemas.microsoft.com/office/drawing/2014/main" id="{5F52889B-0F74-27A7-5BE1-EB03BCC5C7C8}"/>
              </a:ext>
            </a:extLst>
          </p:cNvPr>
          <p:cNvPicPr>
            <a:picLocks noChangeAspect="1"/>
          </p:cNvPicPr>
          <p:nvPr/>
        </p:nvPicPr>
        <p:blipFill rotWithShape="1"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4229" r="23638" b="53607"/>
          <a:stretch/>
        </p:blipFill>
        <p:spPr>
          <a:xfrm>
            <a:off x="1113622" y="6187539"/>
            <a:ext cx="4120571" cy="2628947"/>
          </a:xfrm>
          <a:prstGeom prst="rect">
            <a:avLst/>
          </a:prstGeom>
        </p:spPr>
      </p:pic>
      <p:sp>
        <p:nvSpPr>
          <p:cNvPr id="172" name="TextBox 171">
            <a:extLst>
              <a:ext uri="{FF2B5EF4-FFF2-40B4-BE49-F238E27FC236}">
                <a16:creationId xmlns="" xmlns:a16="http://schemas.microsoft.com/office/drawing/2014/main" id="{32BC9280-7AF5-4CF6-BB00-67EBDF0DDD40}"/>
              </a:ext>
            </a:extLst>
          </p:cNvPr>
          <p:cNvSpPr txBox="1"/>
          <p:nvPr/>
        </p:nvSpPr>
        <p:spPr>
          <a:xfrm>
            <a:off x="1095613" y="2757353"/>
            <a:ext cx="5086565" cy="23083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 fontAlgn="base"/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Kartu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NPWP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adalah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sebuah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kartu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yang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diterbitkan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Dirjen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Pajak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.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Kartu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NPWP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memuat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informasi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penting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berupa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Nomor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Pokok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Wajib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Pajak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(NPWP) dan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Identitas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pemilik</a:t>
            </a:r>
            <a:r>
              <a:rPr lang="en-US" sz="2400" b="1" dirty="0">
                <a:solidFill>
                  <a:schemeClr val="bg1"/>
                </a:solidFill>
                <a:latin typeface="Karla" pitchFamily="2" charset="0"/>
              </a:rPr>
              <a:t> </a:t>
            </a:r>
            <a:r>
              <a:rPr lang="en-US" sz="2400" b="1" dirty="0" err="1">
                <a:solidFill>
                  <a:schemeClr val="bg1"/>
                </a:solidFill>
                <a:latin typeface="Karla" pitchFamily="2" charset="0"/>
              </a:rPr>
              <a:t>kartu</a:t>
            </a:r>
            <a:endParaRPr lang="en-US" sz="2400" b="1" dirty="0">
              <a:solidFill>
                <a:schemeClr val="bg1"/>
              </a:solidFill>
              <a:latin typeface="Karla" pitchFamily="2" charset="0"/>
            </a:endParaRPr>
          </a:p>
        </p:txBody>
      </p:sp>
      <p:pic>
        <p:nvPicPr>
          <p:cNvPr id="151" name="Picture 150">
            <a:extLst>
              <a:ext uri="{FF2B5EF4-FFF2-40B4-BE49-F238E27FC236}">
                <a16:creationId xmlns="" xmlns:a16="http://schemas.microsoft.com/office/drawing/2014/main" id="{13B42010-D634-4727-8B1C-C1AEF332989C}"/>
              </a:ext>
            </a:extLst>
          </p:cNvPr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86681" y="7291636"/>
            <a:ext cx="1326905" cy="1591576"/>
          </a:xfrm>
          <a:prstGeom prst="rect">
            <a:avLst/>
          </a:prstGeom>
        </p:spPr>
      </p:pic>
      <p:pic>
        <p:nvPicPr>
          <p:cNvPr id="150" name="Picture 149">
            <a:extLst>
              <a:ext uri="{FF2B5EF4-FFF2-40B4-BE49-F238E27FC236}">
                <a16:creationId xmlns="" xmlns:a16="http://schemas.microsoft.com/office/drawing/2014/main" id="{AF24CB3D-A3EF-45C6-BAA8-3D7BF2A3569A}"/>
              </a:ext>
            </a:extLst>
          </p:cNvPr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65208" y="5645420"/>
            <a:ext cx="1489887" cy="2166597"/>
          </a:xfrm>
          <a:prstGeom prst="rect">
            <a:avLst/>
          </a:prstGeom>
        </p:spPr>
      </p:pic>
      <p:sp>
        <p:nvSpPr>
          <p:cNvPr id="2" name="TextBox 1"/>
          <p:cNvSpPr txBox="1"/>
          <p:nvPr/>
        </p:nvSpPr>
        <p:spPr>
          <a:xfrm>
            <a:off x="1370194" y="8762750"/>
            <a:ext cx="391266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D" dirty="0" err="1" smtClean="0">
                <a:solidFill>
                  <a:schemeClr val="bg1"/>
                </a:solidFill>
              </a:rPr>
              <a:t>Peraturan</a:t>
            </a:r>
            <a:r>
              <a:rPr lang="en-ID" dirty="0" smtClean="0">
                <a:solidFill>
                  <a:schemeClr val="bg1"/>
                </a:solidFill>
              </a:rPr>
              <a:t> </a:t>
            </a:r>
            <a:r>
              <a:rPr lang="en-ID" dirty="0" err="1">
                <a:solidFill>
                  <a:schemeClr val="bg1"/>
                </a:solidFill>
              </a:rPr>
              <a:t>Menteri</a:t>
            </a:r>
            <a:r>
              <a:rPr lang="en-ID" dirty="0">
                <a:solidFill>
                  <a:schemeClr val="bg1"/>
                </a:solidFill>
              </a:rPr>
              <a:t> </a:t>
            </a:r>
            <a:r>
              <a:rPr lang="en-ID" dirty="0" err="1">
                <a:solidFill>
                  <a:schemeClr val="bg1"/>
                </a:solidFill>
              </a:rPr>
              <a:t>Keuangan</a:t>
            </a:r>
            <a:r>
              <a:rPr lang="en-ID" dirty="0">
                <a:solidFill>
                  <a:schemeClr val="bg1"/>
                </a:solidFill>
              </a:rPr>
              <a:t> </a:t>
            </a:r>
            <a:r>
              <a:rPr lang="en-ID" dirty="0" err="1">
                <a:solidFill>
                  <a:schemeClr val="bg1"/>
                </a:solidFill>
              </a:rPr>
              <a:t>Nomor</a:t>
            </a:r>
            <a:r>
              <a:rPr lang="en-ID" dirty="0">
                <a:solidFill>
                  <a:schemeClr val="bg1"/>
                </a:solidFill>
              </a:rPr>
              <a:t> 112/PMK. 03/2022 </a:t>
            </a:r>
            <a:r>
              <a:rPr lang="en-ID" dirty="0" err="1">
                <a:solidFill>
                  <a:schemeClr val="bg1"/>
                </a:solidFill>
              </a:rPr>
              <a:t>disebutkan</a:t>
            </a:r>
            <a:r>
              <a:rPr lang="en-ID" dirty="0">
                <a:solidFill>
                  <a:schemeClr val="bg1"/>
                </a:solidFill>
              </a:rPr>
              <a:t> </a:t>
            </a:r>
            <a:r>
              <a:rPr lang="en-ID" dirty="0" err="1">
                <a:solidFill>
                  <a:schemeClr val="bg1"/>
                </a:solidFill>
              </a:rPr>
              <a:t>bahwa</a:t>
            </a:r>
            <a:r>
              <a:rPr lang="en-ID" dirty="0">
                <a:solidFill>
                  <a:schemeClr val="bg1"/>
                </a:solidFill>
              </a:rPr>
              <a:t> </a:t>
            </a:r>
            <a:r>
              <a:rPr lang="en-ID" dirty="0" err="1">
                <a:solidFill>
                  <a:schemeClr val="bg1"/>
                </a:solidFill>
              </a:rPr>
              <a:t>terdapat</a:t>
            </a:r>
            <a:r>
              <a:rPr lang="en-ID" dirty="0">
                <a:solidFill>
                  <a:schemeClr val="bg1"/>
                </a:solidFill>
              </a:rPr>
              <a:t> </a:t>
            </a:r>
            <a:r>
              <a:rPr lang="en-ID" dirty="0" err="1">
                <a:solidFill>
                  <a:schemeClr val="bg1"/>
                </a:solidFill>
              </a:rPr>
              <a:t>perubahan</a:t>
            </a:r>
            <a:r>
              <a:rPr lang="en-ID" dirty="0">
                <a:solidFill>
                  <a:schemeClr val="bg1"/>
                </a:solidFill>
              </a:rPr>
              <a:t> format NPWP </a:t>
            </a:r>
            <a:r>
              <a:rPr lang="en-ID" dirty="0" err="1">
                <a:solidFill>
                  <a:schemeClr val="bg1"/>
                </a:solidFill>
              </a:rPr>
              <a:t>dari</a:t>
            </a:r>
            <a:r>
              <a:rPr lang="en-ID" dirty="0">
                <a:solidFill>
                  <a:schemeClr val="bg1"/>
                </a:solidFill>
              </a:rPr>
              <a:t> 15 digit </a:t>
            </a:r>
            <a:r>
              <a:rPr lang="en-ID" dirty="0" err="1">
                <a:solidFill>
                  <a:schemeClr val="bg1"/>
                </a:solidFill>
              </a:rPr>
              <a:t>menjadi</a:t>
            </a:r>
            <a:r>
              <a:rPr lang="en-ID" dirty="0">
                <a:solidFill>
                  <a:schemeClr val="bg1"/>
                </a:solidFill>
              </a:rPr>
              <a:t> 16 digit.</a:t>
            </a:r>
          </a:p>
        </p:txBody>
      </p:sp>
      <p:sp>
        <p:nvSpPr>
          <p:cNvPr id="163" name="TextBox 162"/>
          <p:cNvSpPr txBox="1"/>
          <p:nvPr/>
        </p:nvSpPr>
        <p:spPr>
          <a:xfrm>
            <a:off x="1512865" y="11603230"/>
            <a:ext cx="433522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hafis.muaddab.2304319@students.um.ac.id</a:t>
            </a:r>
            <a:endParaRPr lang="en-ID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071308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" dur="120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2000" fill="hold"/>
                                        <p:tgtEl>
                                          <p:spTgt spid="17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9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10" dur="3000" fill="hold"/>
                                        <p:tgtEl>
                                          <p:spTgt spid="15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>
            <a:extLst>
              <a:ext uri="{FF2B5EF4-FFF2-40B4-BE49-F238E27FC236}">
                <a16:creationId xmlns="" xmlns:a16="http://schemas.microsoft.com/office/drawing/2014/main" id="{BE3D1483-F178-4227-96D2-C5BFC15184F8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5" name="Group 4">
              <a:extLst>
                <a:ext uri="{FF2B5EF4-FFF2-40B4-BE49-F238E27FC236}">
                  <a16:creationId xmlns="" xmlns:a16="http://schemas.microsoft.com/office/drawing/2014/main" id="{ABC54933-8B8B-4940-89A1-CB66FD7E6EA3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74" name="Freeform: Shape 73">
                <a:extLst>
                  <a:ext uri="{FF2B5EF4-FFF2-40B4-BE49-F238E27FC236}">
                    <a16:creationId xmlns="" xmlns:a16="http://schemas.microsoft.com/office/drawing/2014/main" id="{76E8D545-54C0-4AEB-BF85-7634ECADED2B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5" name="Freeform: Shape 74">
                <a:extLst>
                  <a:ext uri="{FF2B5EF4-FFF2-40B4-BE49-F238E27FC236}">
                    <a16:creationId xmlns="" xmlns:a16="http://schemas.microsoft.com/office/drawing/2014/main" id="{36AF3396-096B-4759-8E8E-0A3DCB110A0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6" name="Freeform: Shape 75">
                <a:extLst>
                  <a:ext uri="{FF2B5EF4-FFF2-40B4-BE49-F238E27FC236}">
                    <a16:creationId xmlns="" xmlns:a16="http://schemas.microsoft.com/office/drawing/2014/main" id="{10D2573C-A4F2-455D-B159-78CFBB69463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7" name="Freeform: Shape 76">
                <a:extLst>
                  <a:ext uri="{FF2B5EF4-FFF2-40B4-BE49-F238E27FC236}">
                    <a16:creationId xmlns="" xmlns:a16="http://schemas.microsoft.com/office/drawing/2014/main" id="{4B02A2FF-85DA-4811-8510-90B65E87BA90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8" name="Freeform: Shape 77">
                <a:extLst>
                  <a:ext uri="{FF2B5EF4-FFF2-40B4-BE49-F238E27FC236}">
                    <a16:creationId xmlns="" xmlns:a16="http://schemas.microsoft.com/office/drawing/2014/main" id="{D4062509-D884-46F8-8EAF-EB8228AD359B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9" name="Freeform: Shape 78">
                <a:extLst>
                  <a:ext uri="{FF2B5EF4-FFF2-40B4-BE49-F238E27FC236}">
                    <a16:creationId xmlns="" xmlns:a16="http://schemas.microsoft.com/office/drawing/2014/main" id="{8D7FFDF5-AA94-4B44-A4ED-58E19CC044B6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0" name="Freeform: Shape 79">
                <a:extLst>
                  <a:ext uri="{FF2B5EF4-FFF2-40B4-BE49-F238E27FC236}">
                    <a16:creationId xmlns="" xmlns:a16="http://schemas.microsoft.com/office/drawing/2014/main" id="{285E1910-E224-40DC-B11E-3E89DCA77401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1" name="Freeform: Shape 80">
                <a:extLst>
                  <a:ext uri="{FF2B5EF4-FFF2-40B4-BE49-F238E27FC236}">
                    <a16:creationId xmlns="" xmlns:a16="http://schemas.microsoft.com/office/drawing/2014/main" id="{494B9A06-7E9D-4850-93B7-64DE529C2A2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2" name="Freeform: Shape 81">
                <a:extLst>
                  <a:ext uri="{FF2B5EF4-FFF2-40B4-BE49-F238E27FC236}">
                    <a16:creationId xmlns="" xmlns:a16="http://schemas.microsoft.com/office/drawing/2014/main" id="{81ADE2C5-C7C3-4B36-AD00-C0A785A96C9F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3" name="Freeform: Shape 82">
                <a:extLst>
                  <a:ext uri="{FF2B5EF4-FFF2-40B4-BE49-F238E27FC236}">
                    <a16:creationId xmlns="" xmlns:a16="http://schemas.microsoft.com/office/drawing/2014/main" id="{44A5AC6C-3A8D-4A2B-A29A-AC68BAAB5307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4" name="Freeform: Shape 83">
                <a:extLst>
                  <a:ext uri="{FF2B5EF4-FFF2-40B4-BE49-F238E27FC236}">
                    <a16:creationId xmlns="" xmlns:a16="http://schemas.microsoft.com/office/drawing/2014/main" id="{591FDC27-AB6F-42B1-9947-47F9AAE692C0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5" name="Freeform: Shape 84">
                <a:extLst>
                  <a:ext uri="{FF2B5EF4-FFF2-40B4-BE49-F238E27FC236}">
                    <a16:creationId xmlns="" xmlns:a16="http://schemas.microsoft.com/office/drawing/2014/main" id="{4E3A41FA-B814-42D7-948A-520D46BD20C7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6" name="Freeform: Shape 85">
                <a:extLst>
                  <a:ext uri="{FF2B5EF4-FFF2-40B4-BE49-F238E27FC236}">
                    <a16:creationId xmlns="" xmlns:a16="http://schemas.microsoft.com/office/drawing/2014/main" id="{3D8CDD91-4B7C-41EA-9A5F-7095EDFF4355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7" name="Freeform: Shape 86">
                <a:extLst>
                  <a:ext uri="{FF2B5EF4-FFF2-40B4-BE49-F238E27FC236}">
                    <a16:creationId xmlns="" xmlns:a16="http://schemas.microsoft.com/office/drawing/2014/main" id="{B07D9DA4-7B65-407C-80E5-8C12D8DC642B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8" name="Freeform: Shape 87">
                <a:extLst>
                  <a:ext uri="{FF2B5EF4-FFF2-40B4-BE49-F238E27FC236}">
                    <a16:creationId xmlns="" xmlns:a16="http://schemas.microsoft.com/office/drawing/2014/main" id="{35ED2325-F4E2-4EE0-932B-55604C78426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89" name="Freeform: Shape 88">
                <a:extLst>
                  <a:ext uri="{FF2B5EF4-FFF2-40B4-BE49-F238E27FC236}">
                    <a16:creationId xmlns="" xmlns:a16="http://schemas.microsoft.com/office/drawing/2014/main" id="{F04D6F7B-4913-4946-9D84-910C1A306455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0" name="Freeform: Shape 89">
                <a:extLst>
                  <a:ext uri="{FF2B5EF4-FFF2-40B4-BE49-F238E27FC236}">
                    <a16:creationId xmlns="" xmlns:a16="http://schemas.microsoft.com/office/drawing/2014/main" id="{E3EBAE8F-54EA-4966-99DB-91AA23C99BEB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1" name="Freeform: Shape 90">
                <a:extLst>
                  <a:ext uri="{FF2B5EF4-FFF2-40B4-BE49-F238E27FC236}">
                    <a16:creationId xmlns="" xmlns:a16="http://schemas.microsoft.com/office/drawing/2014/main" id="{96F958CD-2D62-4B8C-8A4B-3BA8A68C8163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2" name="Freeform: Shape 91">
                <a:extLst>
                  <a:ext uri="{FF2B5EF4-FFF2-40B4-BE49-F238E27FC236}">
                    <a16:creationId xmlns="" xmlns:a16="http://schemas.microsoft.com/office/drawing/2014/main" id="{FF2A0956-D5F2-474D-9834-29061349DC21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3" name="Freeform: Shape 92">
                <a:extLst>
                  <a:ext uri="{FF2B5EF4-FFF2-40B4-BE49-F238E27FC236}">
                    <a16:creationId xmlns="" xmlns:a16="http://schemas.microsoft.com/office/drawing/2014/main" id="{A2557277-93E4-4C98-8EC2-4614D447CEDA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4" name="Freeform: Shape 93">
                <a:extLst>
                  <a:ext uri="{FF2B5EF4-FFF2-40B4-BE49-F238E27FC236}">
                    <a16:creationId xmlns="" xmlns:a16="http://schemas.microsoft.com/office/drawing/2014/main" id="{C256A59D-069B-4987-A7F6-46040DEF8E41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5" name="Freeform: Shape 94">
                <a:extLst>
                  <a:ext uri="{FF2B5EF4-FFF2-40B4-BE49-F238E27FC236}">
                    <a16:creationId xmlns="" xmlns:a16="http://schemas.microsoft.com/office/drawing/2014/main" id="{FB6F66DE-C44B-4591-BE5B-B0A74706E47A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6" name="Freeform: Shape 95">
                <a:extLst>
                  <a:ext uri="{FF2B5EF4-FFF2-40B4-BE49-F238E27FC236}">
                    <a16:creationId xmlns="" xmlns:a16="http://schemas.microsoft.com/office/drawing/2014/main" id="{F0369D1C-B15C-4BFA-BECD-E3C7A00D17AB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7" name="Freeform: Shape 96">
                <a:extLst>
                  <a:ext uri="{FF2B5EF4-FFF2-40B4-BE49-F238E27FC236}">
                    <a16:creationId xmlns="" xmlns:a16="http://schemas.microsoft.com/office/drawing/2014/main" id="{132F8776-F6F0-4836-98C5-5F3C6E45D1E6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8" name="Freeform: Shape 97">
                <a:extLst>
                  <a:ext uri="{FF2B5EF4-FFF2-40B4-BE49-F238E27FC236}">
                    <a16:creationId xmlns="" xmlns:a16="http://schemas.microsoft.com/office/drawing/2014/main" id="{5ADE6FD2-1A88-40B4-82A5-D613C54147FD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9" name="Freeform: Shape 98">
                <a:extLst>
                  <a:ext uri="{FF2B5EF4-FFF2-40B4-BE49-F238E27FC236}">
                    <a16:creationId xmlns="" xmlns:a16="http://schemas.microsoft.com/office/drawing/2014/main" id="{0037300B-BAFA-48ED-AADA-EF8E38156E5A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0" name="Freeform: Shape 99">
                <a:extLst>
                  <a:ext uri="{FF2B5EF4-FFF2-40B4-BE49-F238E27FC236}">
                    <a16:creationId xmlns="" xmlns:a16="http://schemas.microsoft.com/office/drawing/2014/main" id="{EA57CBE0-1BFD-4FA4-AAE0-C6CCC176FEE9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1" name="Freeform: Shape 100">
                <a:extLst>
                  <a:ext uri="{FF2B5EF4-FFF2-40B4-BE49-F238E27FC236}">
                    <a16:creationId xmlns="" xmlns:a16="http://schemas.microsoft.com/office/drawing/2014/main" id="{F996DAB0-2500-46A6-92E0-918A4877EA16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2" name="Freeform: Shape 101">
                <a:extLst>
                  <a:ext uri="{FF2B5EF4-FFF2-40B4-BE49-F238E27FC236}">
                    <a16:creationId xmlns="" xmlns:a16="http://schemas.microsoft.com/office/drawing/2014/main" id="{A4E7F717-DBBA-40CF-AE6F-1446FD805F03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3" name="Freeform: Shape 102">
                <a:extLst>
                  <a:ext uri="{FF2B5EF4-FFF2-40B4-BE49-F238E27FC236}">
                    <a16:creationId xmlns="" xmlns:a16="http://schemas.microsoft.com/office/drawing/2014/main" id="{BF742C87-E658-42EE-BA9A-0772DFDE0A99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4" name="Freeform: Shape 103">
                <a:extLst>
                  <a:ext uri="{FF2B5EF4-FFF2-40B4-BE49-F238E27FC236}">
                    <a16:creationId xmlns="" xmlns:a16="http://schemas.microsoft.com/office/drawing/2014/main" id="{15255B3C-35FD-4D0E-83DA-A8BAA52B668F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5" name="Freeform: Shape 104">
                <a:extLst>
                  <a:ext uri="{FF2B5EF4-FFF2-40B4-BE49-F238E27FC236}">
                    <a16:creationId xmlns="" xmlns:a16="http://schemas.microsoft.com/office/drawing/2014/main" id="{C698C94E-324D-4D3E-98C6-8108C02D8022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6" name="Freeform: Shape 105">
                <a:extLst>
                  <a:ext uri="{FF2B5EF4-FFF2-40B4-BE49-F238E27FC236}">
                    <a16:creationId xmlns="" xmlns:a16="http://schemas.microsoft.com/office/drawing/2014/main" id="{3AE9D30E-C6FB-4E9E-AEDC-4DAF97079FB0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  <p:grpSp>
          <p:nvGrpSpPr>
            <p:cNvPr id="6" name="Group 5">
              <a:extLst>
                <a:ext uri="{FF2B5EF4-FFF2-40B4-BE49-F238E27FC236}">
                  <a16:creationId xmlns="" xmlns:a16="http://schemas.microsoft.com/office/drawing/2014/main" id="{B3A3BECA-C2E1-412A-B5F4-6F83E7F533B8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41" name="Freeform: Shape 40">
                <a:extLst>
                  <a:ext uri="{FF2B5EF4-FFF2-40B4-BE49-F238E27FC236}">
                    <a16:creationId xmlns="" xmlns:a16="http://schemas.microsoft.com/office/drawing/2014/main" id="{BC37E7D4-8E11-4129-AB58-46BBB4FFA9B3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2" name="Freeform: Shape 41">
                <a:extLst>
                  <a:ext uri="{FF2B5EF4-FFF2-40B4-BE49-F238E27FC236}">
                    <a16:creationId xmlns="" xmlns:a16="http://schemas.microsoft.com/office/drawing/2014/main" id="{781312BA-25D0-4BF4-89D0-6E722BC269BD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3" name="Freeform: Shape 42">
                <a:extLst>
                  <a:ext uri="{FF2B5EF4-FFF2-40B4-BE49-F238E27FC236}">
                    <a16:creationId xmlns="" xmlns:a16="http://schemas.microsoft.com/office/drawing/2014/main" id="{C45F69F5-95A2-46FA-B0A0-890097657C7F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4" name="Freeform: Shape 43">
                <a:extLst>
                  <a:ext uri="{FF2B5EF4-FFF2-40B4-BE49-F238E27FC236}">
                    <a16:creationId xmlns="" xmlns:a16="http://schemas.microsoft.com/office/drawing/2014/main" id="{5DD1588D-F375-4DEE-B102-0B42B31DCCCD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5" name="Freeform: Shape 44">
                <a:extLst>
                  <a:ext uri="{FF2B5EF4-FFF2-40B4-BE49-F238E27FC236}">
                    <a16:creationId xmlns="" xmlns:a16="http://schemas.microsoft.com/office/drawing/2014/main" id="{B17F49E7-B868-4377-B2A2-D84DEB4DF531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6" name="Freeform: Shape 45">
                <a:extLst>
                  <a:ext uri="{FF2B5EF4-FFF2-40B4-BE49-F238E27FC236}">
                    <a16:creationId xmlns="" xmlns:a16="http://schemas.microsoft.com/office/drawing/2014/main" id="{DE66DCA0-A018-42AD-A5B7-5099C7B412C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7" name="Freeform: Shape 46">
                <a:extLst>
                  <a:ext uri="{FF2B5EF4-FFF2-40B4-BE49-F238E27FC236}">
                    <a16:creationId xmlns="" xmlns:a16="http://schemas.microsoft.com/office/drawing/2014/main" id="{74780311-C66E-4AA1-9ACA-08B1FEEC9B09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8" name="Freeform: Shape 47">
                <a:extLst>
                  <a:ext uri="{FF2B5EF4-FFF2-40B4-BE49-F238E27FC236}">
                    <a16:creationId xmlns="" xmlns:a16="http://schemas.microsoft.com/office/drawing/2014/main" id="{5168E7E3-10B1-49E1-B8FE-866F722C64A7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9" name="Freeform: Shape 48">
                <a:extLst>
                  <a:ext uri="{FF2B5EF4-FFF2-40B4-BE49-F238E27FC236}">
                    <a16:creationId xmlns="" xmlns:a16="http://schemas.microsoft.com/office/drawing/2014/main" id="{7744992B-A35D-4299-B6AD-4C2D05791730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0" name="Freeform: Shape 49">
                <a:extLst>
                  <a:ext uri="{FF2B5EF4-FFF2-40B4-BE49-F238E27FC236}">
                    <a16:creationId xmlns="" xmlns:a16="http://schemas.microsoft.com/office/drawing/2014/main" id="{ACC9583F-73E7-472E-BDA7-80EDE2E3EB25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1" name="Freeform: Shape 50">
                <a:extLst>
                  <a:ext uri="{FF2B5EF4-FFF2-40B4-BE49-F238E27FC236}">
                    <a16:creationId xmlns="" xmlns:a16="http://schemas.microsoft.com/office/drawing/2014/main" id="{BA6A54D5-1D54-4F79-AEE0-5E46BE8A69D4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2" name="Freeform: Shape 51">
                <a:extLst>
                  <a:ext uri="{FF2B5EF4-FFF2-40B4-BE49-F238E27FC236}">
                    <a16:creationId xmlns="" xmlns:a16="http://schemas.microsoft.com/office/drawing/2014/main" id="{99CEBF89-DC90-4F7E-A72F-630333B69D9A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3" name="Freeform: Shape 52">
                <a:extLst>
                  <a:ext uri="{FF2B5EF4-FFF2-40B4-BE49-F238E27FC236}">
                    <a16:creationId xmlns="" xmlns:a16="http://schemas.microsoft.com/office/drawing/2014/main" id="{B13C223B-C8E7-4D48-8B7A-8ACAD0AE439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4" name="Freeform: Shape 53">
                <a:extLst>
                  <a:ext uri="{FF2B5EF4-FFF2-40B4-BE49-F238E27FC236}">
                    <a16:creationId xmlns="" xmlns:a16="http://schemas.microsoft.com/office/drawing/2014/main" id="{0A59F74B-3FFA-41FE-84BD-758E54B6A91C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5" name="Freeform: Shape 54">
                <a:extLst>
                  <a:ext uri="{FF2B5EF4-FFF2-40B4-BE49-F238E27FC236}">
                    <a16:creationId xmlns="" xmlns:a16="http://schemas.microsoft.com/office/drawing/2014/main" id="{BEE47432-075D-4849-AB5D-E36ACC476F4C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6" name="Freeform: Shape 55">
                <a:extLst>
                  <a:ext uri="{FF2B5EF4-FFF2-40B4-BE49-F238E27FC236}">
                    <a16:creationId xmlns="" xmlns:a16="http://schemas.microsoft.com/office/drawing/2014/main" id="{61A3C633-8C4D-4864-A4A3-80C517D8E24B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7" name="Freeform: Shape 56">
                <a:extLst>
                  <a:ext uri="{FF2B5EF4-FFF2-40B4-BE49-F238E27FC236}">
                    <a16:creationId xmlns="" xmlns:a16="http://schemas.microsoft.com/office/drawing/2014/main" id="{F7D3E993-AE0D-4ACF-BAE0-FAD3D0BB5F5C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8" name="Freeform: Shape 57">
                <a:extLst>
                  <a:ext uri="{FF2B5EF4-FFF2-40B4-BE49-F238E27FC236}">
                    <a16:creationId xmlns="" xmlns:a16="http://schemas.microsoft.com/office/drawing/2014/main" id="{4029193E-5A97-4EF9-9088-4C91BB2E73DC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9" name="Freeform: Shape 58">
                <a:extLst>
                  <a:ext uri="{FF2B5EF4-FFF2-40B4-BE49-F238E27FC236}">
                    <a16:creationId xmlns="" xmlns:a16="http://schemas.microsoft.com/office/drawing/2014/main" id="{0DA39C7D-D2F8-442A-951E-F43ACEB4BF34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0" name="Freeform: Shape 59">
                <a:extLst>
                  <a:ext uri="{FF2B5EF4-FFF2-40B4-BE49-F238E27FC236}">
                    <a16:creationId xmlns="" xmlns:a16="http://schemas.microsoft.com/office/drawing/2014/main" id="{C7F1CC79-AEB9-48EE-B970-75A31DE399CF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1" name="Freeform: Shape 60">
                <a:extLst>
                  <a:ext uri="{FF2B5EF4-FFF2-40B4-BE49-F238E27FC236}">
                    <a16:creationId xmlns="" xmlns:a16="http://schemas.microsoft.com/office/drawing/2014/main" id="{5C7EF045-42AE-4098-A72C-DE2358717E1D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2" name="Freeform: Shape 61">
                <a:extLst>
                  <a:ext uri="{FF2B5EF4-FFF2-40B4-BE49-F238E27FC236}">
                    <a16:creationId xmlns="" xmlns:a16="http://schemas.microsoft.com/office/drawing/2014/main" id="{1731EAA6-DECC-47E7-9613-792EAB70C663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3" name="Freeform: Shape 62">
                <a:extLst>
                  <a:ext uri="{FF2B5EF4-FFF2-40B4-BE49-F238E27FC236}">
                    <a16:creationId xmlns="" xmlns:a16="http://schemas.microsoft.com/office/drawing/2014/main" id="{B23F72DC-9047-4231-B2FD-6DAA9D5BA64B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4" name="Freeform: Shape 63">
                <a:extLst>
                  <a:ext uri="{FF2B5EF4-FFF2-40B4-BE49-F238E27FC236}">
                    <a16:creationId xmlns="" xmlns:a16="http://schemas.microsoft.com/office/drawing/2014/main" id="{6432F9CF-DCCF-4996-B7A2-4EB0E523E624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 dirty="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5" name="Freeform: Shape 64">
                <a:extLst>
                  <a:ext uri="{FF2B5EF4-FFF2-40B4-BE49-F238E27FC236}">
                    <a16:creationId xmlns="" xmlns:a16="http://schemas.microsoft.com/office/drawing/2014/main" id="{9AB52D68-AF7D-46EB-BB64-0A62E8A38EC6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6" name="Freeform: Shape 65">
                <a:extLst>
                  <a:ext uri="{FF2B5EF4-FFF2-40B4-BE49-F238E27FC236}">
                    <a16:creationId xmlns="" xmlns:a16="http://schemas.microsoft.com/office/drawing/2014/main" id="{A5AB64EC-A440-4677-90E6-E22B0B553468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7" name="Freeform: Shape 66">
                <a:extLst>
                  <a:ext uri="{FF2B5EF4-FFF2-40B4-BE49-F238E27FC236}">
                    <a16:creationId xmlns="" xmlns:a16="http://schemas.microsoft.com/office/drawing/2014/main" id="{D89749EF-FC11-4EDF-8C71-43D9A45BC63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8" name="Freeform: Shape 67">
                <a:extLst>
                  <a:ext uri="{FF2B5EF4-FFF2-40B4-BE49-F238E27FC236}">
                    <a16:creationId xmlns="" xmlns:a16="http://schemas.microsoft.com/office/drawing/2014/main" id="{A0AE09E6-9337-427F-ADF0-5A06A83A8912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69" name="Freeform: Shape 68">
                <a:extLst>
                  <a:ext uri="{FF2B5EF4-FFF2-40B4-BE49-F238E27FC236}">
                    <a16:creationId xmlns="" xmlns:a16="http://schemas.microsoft.com/office/drawing/2014/main" id="{D099960D-AA07-4EAE-99D1-8896CFA6817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0" name="Freeform: Shape 69">
                <a:extLst>
                  <a:ext uri="{FF2B5EF4-FFF2-40B4-BE49-F238E27FC236}">
                    <a16:creationId xmlns="" xmlns:a16="http://schemas.microsoft.com/office/drawing/2014/main" id="{7B7D79DB-9320-474F-A10C-AFEF68FD9E74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1" name="Freeform: Shape 70">
                <a:extLst>
                  <a:ext uri="{FF2B5EF4-FFF2-40B4-BE49-F238E27FC236}">
                    <a16:creationId xmlns="" xmlns:a16="http://schemas.microsoft.com/office/drawing/2014/main" id="{C3AE7253-3109-44C3-B4C3-050AB340DBBD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2" name="Freeform: Shape 71">
                <a:extLst>
                  <a:ext uri="{FF2B5EF4-FFF2-40B4-BE49-F238E27FC236}">
                    <a16:creationId xmlns="" xmlns:a16="http://schemas.microsoft.com/office/drawing/2014/main" id="{323238DA-2021-4699-A513-9D3521E60C36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73" name="Freeform: Shape 72">
                <a:extLst>
                  <a:ext uri="{FF2B5EF4-FFF2-40B4-BE49-F238E27FC236}">
                    <a16:creationId xmlns="" xmlns:a16="http://schemas.microsoft.com/office/drawing/2014/main" id="{CA8F0BB5-996B-4AB3-88D2-36B91F80714E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  <p:grpSp>
          <p:nvGrpSpPr>
            <p:cNvPr id="7" name="Group 6">
              <a:extLst>
                <a:ext uri="{FF2B5EF4-FFF2-40B4-BE49-F238E27FC236}">
                  <a16:creationId xmlns="" xmlns:a16="http://schemas.microsoft.com/office/drawing/2014/main" id="{394B8EEF-EDAB-4B97-882A-121630FA595B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8" name="Freeform: Shape 7">
                <a:extLst>
                  <a:ext uri="{FF2B5EF4-FFF2-40B4-BE49-F238E27FC236}">
                    <a16:creationId xmlns="" xmlns:a16="http://schemas.microsoft.com/office/drawing/2014/main" id="{695A823E-6C8A-4EAB-B69C-7B2892222F30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9" name="Freeform: Shape 8">
                <a:extLst>
                  <a:ext uri="{FF2B5EF4-FFF2-40B4-BE49-F238E27FC236}">
                    <a16:creationId xmlns="" xmlns:a16="http://schemas.microsoft.com/office/drawing/2014/main" id="{74A1CF60-DE1B-4013-81ED-D0594E50833D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0" name="Freeform: Shape 9">
                <a:extLst>
                  <a:ext uri="{FF2B5EF4-FFF2-40B4-BE49-F238E27FC236}">
                    <a16:creationId xmlns="" xmlns:a16="http://schemas.microsoft.com/office/drawing/2014/main" id="{043AB6DA-8376-4A08-8BF6-981238216ECA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1" name="Freeform: Shape 10">
                <a:extLst>
                  <a:ext uri="{FF2B5EF4-FFF2-40B4-BE49-F238E27FC236}">
                    <a16:creationId xmlns="" xmlns:a16="http://schemas.microsoft.com/office/drawing/2014/main" id="{E7CABB8B-0B4A-4498-BEA3-55055F3BBC13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2" name="Freeform: Shape 11">
                <a:extLst>
                  <a:ext uri="{FF2B5EF4-FFF2-40B4-BE49-F238E27FC236}">
                    <a16:creationId xmlns="" xmlns:a16="http://schemas.microsoft.com/office/drawing/2014/main" id="{E16149C8-604C-49E5-87F0-02FBB0397B31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3" name="Freeform: Shape 12">
                <a:extLst>
                  <a:ext uri="{FF2B5EF4-FFF2-40B4-BE49-F238E27FC236}">
                    <a16:creationId xmlns="" xmlns:a16="http://schemas.microsoft.com/office/drawing/2014/main" id="{8EBC0BDC-E5AE-4FDA-ACA4-BA4776B9ED5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4" name="Freeform: Shape 13">
                <a:extLst>
                  <a:ext uri="{FF2B5EF4-FFF2-40B4-BE49-F238E27FC236}">
                    <a16:creationId xmlns="" xmlns:a16="http://schemas.microsoft.com/office/drawing/2014/main" id="{F04FF7BB-F890-44A7-87BF-306C343C8DBA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5" name="Freeform: Shape 14">
                <a:extLst>
                  <a:ext uri="{FF2B5EF4-FFF2-40B4-BE49-F238E27FC236}">
                    <a16:creationId xmlns="" xmlns:a16="http://schemas.microsoft.com/office/drawing/2014/main" id="{E4E62A49-7E88-4860-ACDD-5413169AC4EA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6" name="Freeform: Shape 15">
                <a:extLst>
                  <a:ext uri="{FF2B5EF4-FFF2-40B4-BE49-F238E27FC236}">
                    <a16:creationId xmlns="" xmlns:a16="http://schemas.microsoft.com/office/drawing/2014/main" id="{1BD22424-0F35-4AAC-8C28-D061CA296084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7" name="Freeform: Shape 16">
                <a:extLst>
                  <a:ext uri="{FF2B5EF4-FFF2-40B4-BE49-F238E27FC236}">
                    <a16:creationId xmlns="" xmlns:a16="http://schemas.microsoft.com/office/drawing/2014/main" id="{2AD73FD7-E680-4E75-B341-AE6652121287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8" name="Freeform: Shape 17">
                <a:extLst>
                  <a:ext uri="{FF2B5EF4-FFF2-40B4-BE49-F238E27FC236}">
                    <a16:creationId xmlns="" xmlns:a16="http://schemas.microsoft.com/office/drawing/2014/main" id="{CD0C96BB-5C14-432C-8F77-A9DDD7EACC30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9" name="Freeform: Shape 18">
                <a:extLst>
                  <a:ext uri="{FF2B5EF4-FFF2-40B4-BE49-F238E27FC236}">
                    <a16:creationId xmlns="" xmlns:a16="http://schemas.microsoft.com/office/drawing/2014/main" id="{DDF670EF-9507-4B62-9C47-B3F9C29024F8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0" name="Freeform: Shape 19">
                <a:extLst>
                  <a:ext uri="{FF2B5EF4-FFF2-40B4-BE49-F238E27FC236}">
                    <a16:creationId xmlns="" xmlns:a16="http://schemas.microsoft.com/office/drawing/2014/main" id="{E0FF1957-31ED-40CD-BF24-26B6811C361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1" name="Freeform: Shape 20">
                <a:extLst>
                  <a:ext uri="{FF2B5EF4-FFF2-40B4-BE49-F238E27FC236}">
                    <a16:creationId xmlns="" xmlns:a16="http://schemas.microsoft.com/office/drawing/2014/main" id="{35F50EAA-6959-4A17-8FF4-F4AF0F8DCEAE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2" name="Freeform: Shape 21">
                <a:extLst>
                  <a:ext uri="{FF2B5EF4-FFF2-40B4-BE49-F238E27FC236}">
                    <a16:creationId xmlns="" xmlns:a16="http://schemas.microsoft.com/office/drawing/2014/main" id="{98859B2A-A0CB-4A15-8B4F-2974553343B7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3" name="Freeform: Shape 22">
                <a:extLst>
                  <a:ext uri="{FF2B5EF4-FFF2-40B4-BE49-F238E27FC236}">
                    <a16:creationId xmlns="" xmlns:a16="http://schemas.microsoft.com/office/drawing/2014/main" id="{BDBD938A-9AE8-4F38-AAA6-39E236495854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4" name="Freeform: Shape 23">
                <a:extLst>
                  <a:ext uri="{FF2B5EF4-FFF2-40B4-BE49-F238E27FC236}">
                    <a16:creationId xmlns="" xmlns:a16="http://schemas.microsoft.com/office/drawing/2014/main" id="{179F7FDE-FBDE-447E-8473-7252EA5F9AC9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5" name="Freeform: Shape 24">
                <a:extLst>
                  <a:ext uri="{FF2B5EF4-FFF2-40B4-BE49-F238E27FC236}">
                    <a16:creationId xmlns="" xmlns:a16="http://schemas.microsoft.com/office/drawing/2014/main" id="{95617CF1-38DB-4956-8918-7E8EE9631EDC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6" name="Freeform: Shape 25">
                <a:extLst>
                  <a:ext uri="{FF2B5EF4-FFF2-40B4-BE49-F238E27FC236}">
                    <a16:creationId xmlns="" xmlns:a16="http://schemas.microsoft.com/office/drawing/2014/main" id="{246E1A3C-B0B4-4A13-91F0-07E4857E34CA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7" name="Freeform: Shape 26">
                <a:extLst>
                  <a:ext uri="{FF2B5EF4-FFF2-40B4-BE49-F238E27FC236}">
                    <a16:creationId xmlns="" xmlns:a16="http://schemas.microsoft.com/office/drawing/2014/main" id="{69B16B7D-8F21-4185-8D47-D00ADFAF125F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8" name="Freeform: Shape 27">
                <a:extLst>
                  <a:ext uri="{FF2B5EF4-FFF2-40B4-BE49-F238E27FC236}">
                    <a16:creationId xmlns="" xmlns:a16="http://schemas.microsoft.com/office/drawing/2014/main" id="{43A91980-6114-4A22-ADB2-B19387D638F9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9" name="Freeform: Shape 28">
                <a:extLst>
                  <a:ext uri="{FF2B5EF4-FFF2-40B4-BE49-F238E27FC236}">
                    <a16:creationId xmlns="" xmlns:a16="http://schemas.microsoft.com/office/drawing/2014/main" id="{59C75790-8B8A-4004-B5B2-F89F8F7F325E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0" name="Freeform: Shape 29">
                <a:extLst>
                  <a:ext uri="{FF2B5EF4-FFF2-40B4-BE49-F238E27FC236}">
                    <a16:creationId xmlns="" xmlns:a16="http://schemas.microsoft.com/office/drawing/2014/main" id="{E8DEE448-B2C4-4802-85EF-64A6B96BDFA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1" name="Freeform: Shape 30">
                <a:extLst>
                  <a:ext uri="{FF2B5EF4-FFF2-40B4-BE49-F238E27FC236}">
                    <a16:creationId xmlns="" xmlns:a16="http://schemas.microsoft.com/office/drawing/2014/main" id="{CF4BF9BF-560B-4090-A117-E3ED92698BD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2" name="Freeform: Shape 31">
                <a:extLst>
                  <a:ext uri="{FF2B5EF4-FFF2-40B4-BE49-F238E27FC236}">
                    <a16:creationId xmlns="" xmlns:a16="http://schemas.microsoft.com/office/drawing/2014/main" id="{93196953-B88F-4DEC-81AC-87FD72D6134B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3" name="Freeform: Shape 32">
                <a:extLst>
                  <a:ext uri="{FF2B5EF4-FFF2-40B4-BE49-F238E27FC236}">
                    <a16:creationId xmlns="" xmlns:a16="http://schemas.microsoft.com/office/drawing/2014/main" id="{C065E188-6B05-4A95-A174-164F3730A9D5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4" name="Freeform: Shape 33">
                <a:extLst>
                  <a:ext uri="{FF2B5EF4-FFF2-40B4-BE49-F238E27FC236}">
                    <a16:creationId xmlns="" xmlns:a16="http://schemas.microsoft.com/office/drawing/2014/main" id="{3FB19C50-5C09-4181-8A11-7B2258C7DA97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5" name="Freeform: Shape 34">
                <a:extLst>
                  <a:ext uri="{FF2B5EF4-FFF2-40B4-BE49-F238E27FC236}">
                    <a16:creationId xmlns="" xmlns:a16="http://schemas.microsoft.com/office/drawing/2014/main" id="{81570401-1A86-403D-8B52-579A457DA9A7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6" name="Freeform: Shape 35">
                <a:extLst>
                  <a:ext uri="{FF2B5EF4-FFF2-40B4-BE49-F238E27FC236}">
                    <a16:creationId xmlns="" xmlns:a16="http://schemas.microsoft.com/office/drawing/2014/main" id="{58684503-52E4-476B-B530-73B75F30AD64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7" name="Freeform: Shape 36">
                <a:extLst>
                  <a:ext uri="{FF2B5EF4-FFF2-40B4-BE49-F238E27FC236}">
                    <a16:creationId xmlns="" xmlns:a16="http://schemas.microsoft.com/office/drawing/2014/main" id="{E3DE3782-FE3F-45B3-9A3F-8400A2650555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8" name="Freeform: Shape 37">
                <a:extLst>
                  <a:ext uri="{FF2B5EF4-FFF2-40B4-BE49-F238E27FC236}">
                    <a16:creationId xmlns="" xmlns:a16="http://schemas.microsoft.com/office/drawing/2014/main" id="{6735E315-91FC-42D0-AC15-58416B3C42F6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9" name="Freeform: Shape 38">
                <a:extLst>
                  <a:ext uri="{FF2B5EF4-FFF2-40B4-BE49-F238E27FC236}">
                    <a16:creationId xmlns="" xmlns:a16="http://schemas.microsoft.com/office/drawing/2014/main" id="{6E277E6F-43D1-45B9-B5CA-C14869A4DD3F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40" name="Freeform: Shape 39">
                <a:extLst>
                  <a:ext uri="{FF2B5EF4-FFF2-40B4-BE49-F238E27FC236}">
                    <a16:creationId xmlns="" xmlns:a16="http://schemas.microsoft.com/office/drawing/2014/main" id="{F9995011-083F-4FC6-97A0-9C4FE8C2D6FA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defTabSz="128565"/>
                <a:endParaRPr lang="en-US" sz="506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pic>
        <p:nvPicPr>
          <p:cNvPr id="3" name="Picture 2">
            <a:extLst>
              <a:ext uri="{FF2B5EF4-FFF2-40B4-BE49-F238E27FC236}">
                <a16:creationId xmlns="" xmlns:a16="http://schemas.microsoft.com/office/drawing/2014/main" id="{FE048669-4E5C-4A2F-8A96-DA1CF0606B8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6" y="7763436"/>
            <a:ext cx="7985052" cy="8000982"/>
          </a:xfrm>
          <a:prstGeom prst="rect">
            <a:avLst/>
          </a:prstGeom>
        </p:spPr>
      </p:pic>
      <p:grpSp>
        <p:nvGrpSpPr>
          <p:cNvPr id="110" name="Group 109">
            <a:extLst>
              <a:ext uri="{FF2B5EF4-FFF2-40B4-BE49-F238E27FC236}">
                <a16:creationId xmlns="" xmlns:a16="http://schemas.microsoft.com/office/drawing/2014/main" id="{8FE597F5-5E36-4169-9E0E-A0614ED5DD9E}"/>
              </a:ext>
            </a:extLst>
          </p:cNvPr>
          <p:cNvGrpSpPr/>
          <p:nvPr/>
        </p:nvGrpSpPr>
        <p:grpSpPr>
          <a:xfrm>
            <a:off x="5205951" y="1455235"/>
            <a:ext cx="1318157" cy="930465"/>
            <a:chOff x="17029828" y="5557001"/>
            <a:chExt cx="1150338" cy="812004"/>
          </a:xfrm>
        </p:grpSpPr>
        <p:sp>
          <p:nvSpPr>
            <p:cNvPr id="111" name="Freeform: Shape 110">
              <a:extLst>
                <a:ext uri="{FF2B5EF4-FFF2-40B4-BE49-F238E27FC236}">
                  <a16:creationId xmlns="" xmlns:a16="http://schemas.microsoft.com/office/drawing/2014/main" id="{4DD780BC-A35A-4718-8FD0-00799B8E428D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2" name="Freeform: Shape 111">
              <a:extLst>
                <a:ext uri="{FF2B5EF4-FFF2-40B4-BE49-F238E27FC236}">
                  <a16:creationId xmlns="" xmlns:a16="http://schemas.microsoft.com/office/drawing/2014/main" id="{CC4BD9C7-7CC5-41F7-A09E-36741C8731F7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3" name="Freeform: Shape 112">
              <a:extLst>
                <a:ext uri="{FF2B5EF4-FFF2-40B4-BE49-F238E27FC236}">
                  <a16:creationId xmlns="" xmlns:a16="http://schemas.microsoft.com/office/drawing/2014/main" id="{82064923-7E1D-462D-8E31-979CE2CDC266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4" name="Freeform: Shape 113">
              <a:extLst>
                <a:ext uri="{FF2B5EF4-FFF2-40B4-BE49-F238E27FC236}">
                  <a16:creationId xmlns="" xmlns:a16="http://schemas.microsoft.com/office/drawing/2014/main" id="{3B466A1B-9376-46B0-A8A3-C4F05BBDCDC7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5" name="Freeform: Shape 114">
              <a:extLst>
                <a:ext uri="{FF2B5EF4-FFF2-40B4-BE49-F238E27FC236}">
                  <a16:creationId xmlns="" xmlns:a16="http://schemas.microsoft.com/office/drawing/2014/main" id="{689BC9D6-1AB0-452B-B46D-51616CC246AB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6" name="Freeform: Shape 115">
              <a:extLst>
                <a:ext uri="{FF2B5EF4-FFF2-40B4-BE49-F238E27FC236}">
                  <a16:creationId xmlns="" xmlns:a16="http://schemas.microsoft.com/office/drawing/2014/main" id="{913CCC67-39A3-413E-931F-6F3493F64B2D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7" name="Freeform: Shape 116">
              <a:extLst>
                <a:ext uri="{FF2B5EF4-FFF2-40B4-BE49-F238E27FC236}">
                  <a16:creationId xmlns="" xmlns:a16="http://schemas.microsoft.com/office/drawing/2014/main" id="{DC438494-4CFD-4216-AD81-E1F29C89FCC4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18" name="Freeform: Shape 117">
              <a:extLst>
                <a:ext uri="{FF2B5EF4-FFF2-40B4-BE49-F238E27FC236}">
                  <a16:creationId xmlns="" xmlns:a16="http://schemas.microsoft.com/office/drawing/2014/main" id="{5F130D73-EE90-422E-A4B5-9A0A30DD6137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19" name="Group 118">
            <a:extLst>
              <a:ext uri="{FF2B5EF4-FFF2-40B4-BE49-F238E27FC236}">
                <a16:creationId xmlns="" xmlns:a16="http://schemas.microsoft.com/office/drawing/2014/main" id="{B886E67F-A8F8-45E4-8261-5A4A22D573F8}"/>
              </a:ext>
            </a:extLst>
          </p:cNvPr>
          <p:cNvGrpSpPr/>
          <p:nvPr/>
        </p:nvGrpSpPr>
        <p:grpSpPr>
          <a:xfrm>
            <a:off x="462250" y="2958316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120" name="Freeform: Shape 119">
              <a:extLst>
                <a:ext uri="{FF2B5EF4-FFF2-40B4-BE49-F238E27FC236}">
                  <a16:creationId xmlns="" xmlns:a16="http://schemas.microsoft.com/office/drawing/2014/main" id="{0E889FEB-4B74-4037-9ABF-1A1F1784F630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1" name="Freeform: Shape 120">
              <a:extLst>
                <a:ext uri="{FF2B5EF4-FFF2-40B4-BE49-F238E27FC236}">
                  <a16:creationId xmlns="" xmlns:a16="http://schemas.microsoft.com/office/drawing/2014/main" id="{A3D77982-150E-48F9-AF56-2C84F7368288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2" name="Freeform: Shape 121">
              <a:extLst>
                <a:ext uri="{FF2B5EF4-FFF2-40B4-BE49-F238E27FC236}">
                  <a16:creationId xmlns="" xmlns:a16="http://schemas.microsoft.com/office/drawing/2014/main" id="{A28FF5A2-7044-4731-B636-95618DF5B440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3" name="Freeform: Shape 122">
              <a:extLst>
                <a:ext uri="{FF2B5EF4-FFF2-40B4-BE49-F238E27FC236}">
                  <a16:creationId xmlns="" xmlns:a16="http://schemas.microsoft.com/office/drawing/2014/main" id="{75C07477-999A-46AB-BFBF-F1D07C2BD34A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4" name="Freeform: Shape 123">
              <a:extLst>
                <a:ext uri="{FF2B5EF4-FFF2-40B4-BE49-F238E27FC236}">
                  <a16:creationId xmlns="" xmlns:a16="http://schemas.microsoft.com/office/drawing/2014/main" id="{FFCC7854-0E5F-40FD-AC56-AF7E220955ED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25" name="Group 124">
            <a:extLst>
              <a:ext uri="{FF2B5EF4-FFF2-40B4-BE49-F238E27FC236}">
                <a16:creationId xmlns="" xmlns:a16="http://schemas.microsoft.com/office/drawing/2014/main" id="{D7AA5BC3-0722-4CC7-BA4E-966F6B7B40A9}"/>
              </a:ext>
            </a:extLst>
          </p:cNvPr>
          <p:cNvGrpSpPr/>
          <p:nvPr/>
        </p:nvGrpSpPr>
        <p:grpSpPr>
          <a:xfrm>
            <a:off x="5603206" y="3392514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126" name="Freeform: Shape 125">
              <a:extLst>
                <a:ext uri="{FF2B5EF4-FFF2-40B4-BE49-F238E27FC236}">
                  <a16:creationId xmlns="" xmlns:a16="http://schemas.microsoft.com/office/drawing/2014/main" id="{93DEB844-80CA-4F00-BFC1-715079D63D84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7" name="Freeform: Shape 126">
              <a:extLst>
                <a:ext uri="{FF2B5EF4-FFF2-40B4-BE49-F238E27FC236}">
                  <a16:creationId xmlns="" xmlns:a16="http://schemas.microsoft.com/office/drawing/2014/main" id="{34435C7F-F541-4D5D-ADAC-F7636D67DF7F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8" name="Freeform: Shape 127">
              <a:extLst>
                <a:ext uri="{FF2B5EF4-FFF2-40B4-BE49-F238E27FC236}">
                  <a16:creationId xmlns="" xmlns:a16="http://schemas.microsoft.com/office/drawing/2014/main" id="{A5CF40DD-0069-4A41-8C4A-34C2867A7F0F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9" name="Freeform: Shape 128">
              <a:extLst>
                <a:ext uri="{FF2B5EF4-FFF2-40B4-BE49-F238E27FC236}">
                  <a16:creationId xmlns="" xmlns:a16="http://schemas.microsoft.com/office/drawing/2014/main" id="{E7E804FB-2A41-48B7-958C-7E98E6EA73A0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0" name="Freeform: Shape 129">
              <a:extLst>
                <a:ext uri="{FF2B5EF4-FFF2-40B4-BE49-F238E27FC236}">
                  <a16:creationId xmlns="" xmlns:a16="http://schemas.microsoft.com/office/drawing/2014/main" id="{0C47AA6F-757A-4148-87FF-FC8FF4C53C83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1" name="Freeform: Shape 130">
              <a:extLst>
                <a:ext uri="{FF2B5EF4-FFF2-40B4-BE49-F238E27FC236}">
                  <a16:creationId xmlns="" xmlns:a16="http://schemas.microsoft.com/office/drawing/2014/main" id="{EF1AC6E8-624A-4101-B993-CC31F7FC0719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2" name="Freeform: Shape 131">
              <a:extLst>
                <a:ext uri="{FF2B5EF4-FFF2-40B4-BE49-F238E27FC236}">
                  <a16:creationId xmlns="" xmlns:a16="http://schemas.microsoft.com/office/drawing/2014/main" id="{F5E3A933-76D2-4BCA-9DA8-5E245C61D8A3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3" name="Freeform: Shape 132">
              <a:extLst>
                <a:ext uri="{FF2B5EF4-FFF2-40B4-BE49-F238E27FC236}">
                  <a16:creationId xmlns="" xmlns:a16="http://schemas.microsoft.com/office/drawing/2014/main" id="{7AEC9A97-BB5A-458B-BAB3-DD88667D2DBE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4" name="Freeform: Shape 133">
              <a:extLst>
                <a:ext uri="{FF2B5EF4-FFF2-40B4-BE49-F238E27FC236}">
                  <a16:creationId xmlns="" xmlns:a16="http://schemas.microsoft.com/office/drawing/2014/main" id="{06470992-1533-40A9-80F5-6758733E8CB7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5" name="Freeform: Shape 134">
              <a:extLst>
                <a:ext uri="{FF2B5EF4-FFF2-40B4-BE49-F238E27FC236}">
                  <a16:creationId xmlns="" xmlns:a16="http://schemas.microsoft.com/office/drawing/2014/main" id="{9D852B61-DD4F-4CF9-B27D-A32715BA804D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6" name="Freeform: Shape 135">
              <a:extLst>
                <a:ext uri="{FF2B5EF4-FFF2-40B4-BE49-F238E27FC236}">
                  <a16:creationId xmlns="" xmlns:a16="http://schemas.microsoft.com/office/drawing/2014/main" id="{93B7DAC2-E100-4CB8-A9EA-A9EC2202308E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7" name="Freeform: Shape 136">
              <a:extLst>
                <a:ext uri="{FF2B5EF4-FFF2-40B4-BE49-F238E27FC236}">
                  <a16:creationId xmlns="" xmlns:a16="http://schemas.microsoft.com/office/drawing/2014/main" id="{949D90F0-7F1B-4F0C-8054-158613378D09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8" name="Freeform: Shape 137">
              <a:extLst>
                <a:ext uri="{FF2B5EF4-FFF2-40B4-BE49-F238E27FC236}">
                  <a16:creationId xmlns="" xmlns:a16="http://schemas.microsoft.com/office/drawing/2014/main" id="{5A81C6F0-F82E-4912-A848-652DDCC4CDAB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39" name="Freeform: Shape 138">
              <a:extLst>
                <a:ext uri="{FF2B5EF4-FFF2-40B4-BE49-F238E27FC236}">
                  <a16:creationId xmlns="" xmlns:a16="http://schemas.microsoft.com/office/drawing/2014/main" id="{1BEE890B-5FF9-4E71-971C-6156DF740588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0" name="Freeform: Shape 139">
              <a:extLst>
                <a:ext uri="{FF2B5EF4-FFF2-40B4-BE49-F238E27FC236}">
                  <a16:creationId xmlns="" xmlns:a16="http://schemas.microsoft.com/office/drawing/2014/main" id="{98847182-52BF-47FD-BA38-E6CBEDB881F9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1" name="Freeform: Shape 140">
              <a:extLst>
                <a:ext uri="{FF2B5EF4-FFF2-40B4-BE49-F238E27FC236}">
                  <a16:creationId xmlns="" xmlns:a16="http://schemas.microsoft.com/office/drawing/2014/main" id="{39D92A46-D9BC-4010-8FE9-2D4430B371E1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2" name="Freeform: Shape 141">
              <a:extLst>
                <a:ext uri="{FF2B5EF4-FFF2-40B4-BE49-F238E27FC236}">
                  <a16:creationId xmlns="" xmlns:a16="http://schemas.microsoft.com/office/drawing/2014/main" id="{11124D3B-9D2C-4B4A-A4FF-9C4118D571D7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43" name="Group 142">
            <a:extLst>
              <a:ext uri="{FF2B5EF4-FFF2-40B4-BE49-F238E27FC236}">
                <a16:creationId xmlns="" xmlns:a16="http://schemas.microsoft.com/office/drawing/2014/main" id="{A5438C54-262E-4085-B2EE-CFC6D88784F6}"/>
              </a:ext>
            </a:extLst>
          </p:cNvPr>
          <p:cNvGrpSpPr/>
          <p:nvPr/>
        </p:nvGrpSpPr>
        <p:grpSpPr>
          <a:xfrm>
            <a:off x="745313" y="1041980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144" name="Freeform: Shape 143">
              <a:extLst>
                <a:ext uri="{FF2B5EF4-FFF2-40B4-BE49-F238E27FC236}">
                  <a16:creationId xmlns="" xmlns:a16="http://schemas.microsoft.com/office/drawing/2014/main" id="{B2E0CBCB-6D85-4A2D-9209-2F1BBD7BDFF0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5" name="Freeform: Shape 144">
              <a:extLst>
                <a:ext uri="{FF2B5EF4-FFF2-40B4-BE49-F238E27FC236}">
                  <a16:creationId xmlns="" xmlns:a16="http://schemas.microsoft.com/office/drawing/2014/main" id="{ACB63ED9-7B24-4C33-9A18-122FD4315C2C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6" name="Freeform: Shape 145">
              <a:extLst>
                <a:ext uri="{FF2B5EF4-FFF2-40B4-BE49-F238E27FC236}">
                  <a16:creationId xmlns="" xmlns:a16="http://schemas.microsoft.com/office/drawing/2014/main" id="{5A5444B1-1E90-4B4E-BE12-D7CCBD8EC20E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7" name="Freeform: Shape 146">
              <a:extLst>
                <a:ext uri="{FF2B5EF4-FFF2-40B4-BE49-F238E27FC236}">
                  <a16:creationId xmlns="" xmlns:a16="http://schemas.microsoft.com/office/drawing/2014/main" id="{FFA59011-5F63-4D5E-BCB4-C4CD516CE26C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8" name="Freeform: Shape 147">
              <a:extLst>
                <a:ext uri="{FF2B5EF4-FFF2-40B4-BE49-F238E27FC236}">
                  <a16:creationId xmlns="" xmlns:a16="http://schemas.microsoft.com/office/drawing/2014/main" id="{CA4B48CB-379C-44DB-9ABA-E276C6C1A2EA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49" name="Freeform: Shape 148">
              <a:extLst>
                <a:ext uri="{FF2B5EF4-FFF2-40B4-BE49-F238E27FC236}">
                  <a16:creationId xmlns="" xmlns:a16="http://schemas.microsoft.com/office/drawing/2014/main" id="{72D5DBD6-63B1-444B-BD1E-F39669F4F18D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pic>
        <p:nvPicPr>
          <p:cNvPr id="152" name="Picture 151">
            <a:extLst>
              <a:ext uri="{FF2B5EF4-FFF2-40B4-BE49-F238E27FC236}">
                <a16:creationId xmlns="" xmlns:a16="http://schemas.microsoft.com/office/drawing/2014/main" id="{D3D6ED5E-7977-42C4-B0FA-B5E3C29BBE96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8563" y="4586729"/>
            <a:ext cx="791774" cy="791774"/>
          </a:xfrm>
          <a:prstGeom prst="rect">
            <a:avLst/>
          </a:prstGeom>
        </p:spPr>
      </p:pic>
      <p:sp>
        <p:nvSpPr>
          <p:cNvPr id="153" name="TextBox 152">
            <a:extLst>
              <a:ext uri="{FF2B5EF4-FFF2-40B4-BE49-F238E27FC236}">
                <a16:creationId xmlns="" xmlns:a16="http://schemas.microsoft.com/office/drawing/2014/main" id="{16B05D21-658F-420F-858F-24AF695D4F56}"/>
              </a:ext>
            </a:extLst>
          </p:cNvPr>
          <p:cNvSpPr txBox="1"/>
          <p:nvPr/>
        </p:nvSpPr>
        <p:spPr>
          <a:xfrm>
            <a:off x="1791846" y="534072"/>
            <a:ext cx="3222545" cy="14465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128565">
              <a:defRPr/>
            </a:pPr>
            <a:r>
              <a:rPr lang="en-US" sz="4400" b="1" dirty="0" err="1">
                <a:solidFill>
                  <a:srgbClr val="FFFFFF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Jelajahi</a:t>
            </a:r>
            <a:r>
              <a:rPr lang="en-US" sz="4400" b="1" dirty="0">
                <a:solidFill>
                  <a:srgbClr val="FFFFFF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 </a:t>
            </a:r>
            <a:r>
              <a:rPr lang="en-US" sz="4400" b="1" dirty="0" err="1">
                <a:solidFill>
                  <a:srgbClr val="FFFFFF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Sekarang</a:t>
            </a:r>
            <a:endParaRPr lang="en-US" sz="4400" b="1" dirty="0">
              <a:solidFill>
                <a:srgbClr val="FFFFFF"/>
              </a:solidFill>
              <a:latin typeface="Open Sans Extrabold" panose="020B0906030804020204" pitchFamily="34" charset="0"/>
              <a:ea typeface="Open Sans Extrabold" panose="020B0906030804020204" pitchFamily="34" charset="0"/>
              <a:cs typeface="Open Sans Extrabold" panose="020B0906030804020204" pitchFamily="34" charset="0"/>
            </a:endParaRPr>
          </a:p>
        </p:txBody>
      </p:sp>
      <p:grpSp>
        <p:nvGrpSpPr>
          <p:cNvPr id="154" name="Group 153">
            <a:extLst>
              <a:ext uri="{FF2B5EF4-FFF2-40B4-BE49-F238E27FC236}">
                <a16:creationId xmlns="" xmlns:a16="http://schemas.microsoft.com/office/drawing/2014/main" id="{A7D19681-99D0-4F7B-BFD7-7D0F9B36F564}"/>
              </a:ext>
            </a:extLst>
          </p:cNvPr>
          <p:cNvGrpSpPr/>
          <p:nvPr/>
        </p:nvGrpSpPr>
        <p:grpSpPr>
          <a:xfrm>
            <a:off x="-669064" y="10260734"/>
            <a:ext cx="8196128" cy="2034800"/>
            <a:chOff x="7450922" y="652423"/>
            <a:chExt cx="8196128" cy="2034800"/>
          </a:xfrm>
        </p:grpSpPr>
        <p:sp>
          <p:nvSpPr>
            <p:cNvPr id="155" name="Freeform: Shape 154">
              <a:extLst>
                <a:ext uri="{FF2B5EF4-FFF2-40B4-BE49-F238E27FC236}">
                  <a16:creationId xmlns="" xmlns:a16="http://schemas.microsoft.com/office/drawing/2014/main" id="{93E0DA91-937D-43DC-89E9-B98E97E046BE}"/>
                </a:ext>
              </a:extLst>
            </p:cNvPr>
            <p:cNvSpPr/>
            <p:nvPr/>
          </p:nvSpPr>
          <p:spPr>
            <a:xfrm>
              <a:off x="9709382" y="652423"/>
              <a:ext cx="3679210" cy="1389820"/>
            </a:xfrm>
            <a:custGeom>
              <a:avLst/>
              <a:gdLst>
                <a:gd name="connsiteX0" fmla="*/ 126436 w 2615328"/>
                <a:gd name="connsiteY0" fmla="*/ 493360 h 987937"/>
                <a:gd name="connsiteX1" fmla="*/ 320404 w 2615328"/>
                <a:gd name="connsiteY1" fmla="*/ 338030 h 987937"/>
                <a:gd name="connsiteX2" fmla="*/ 410096 w 2615328"/>
                <a:gd name="connsiteY2" fmla="*/ 359413 h 987937"/>
                <a:gd name="connsiteX3" fmla="*/ 631807 w 2615328"/>
                <a:gd name="connsiteY3" fmla="*/ 221948 h 987937"/>
                <a:gd name="connsiteX4" fmla="*/ 714835 w 2615328"/>
                <a:gd name="connsiteY4" fmla="*/ 236225 h 987937"/>
                <a:gd name="connsiteX5" fmla="*/ 977652 w 2615328"/>
                <a:gd name="connsiteY5" fmla="*/ 71659 h 987937"/>
                <a:gd name="connsiteX6" fmla="*/ 1212152 w 2615328"/>
                <a:gd name="connsiteY6" fmla="*/ 189603 h 987937"/>
                <a:gd name="connsiteX7" fmla="*/ 1485696 w 2615328"/>
                <a:gd name="connsiteY7" fmla="*/ 0 h 987937"/>
                <a:gd name="connsiteX8" fmla="*/ 1772638 w 2615328"/>
                <a:gd name="connsiteY8" fmla="*/ 237511 h 987937"/>
                <a:gd name="connsiteX9" fmla="*/ 2011435 w 2615328"/>
                <a:gd name="connsiteY9" fmla="*/ 130394 h 987937"/>
                <a:gd name="connsiteX10" fmla="*/ 2330688 w 2615328"/>
                <a:gd name="connsiteY10" fmla="*/ 432121 h 987937"/>
                <a:gd name="connsiteX11" fmla="*/ 2407659 w 2615328"/>
                <a:gd name="connsiteY11" fmla="*/ 417471 h 987937"/>
                <a:gd name="connsiteX12" fmla="*/ 2617055 w 2615328"/>
                <a:gd name="connsiteY12" fmla="*/ 626867 h 987937"/>
                <a:gd name="connsiteX13" fmla="*/ 2407659 w 2615328"/>
                <a:gd name="connsiteY13" fmla="*/ 836262 h 987937"/>
                <a:gd name="connsiteX14" fmla="*/ 2289648 w 2615328"/>
                <a:gd name="connsiteY14" fmla="*/ 799857 h 987937"/>
                <a:gd name="connsiteX15" fmla="*/ 2137837 w 2615328"/>
                <a:gd name="connsiteY15" fmla="*/ 865122 h 987937"/>
                <a:gd name="connsiteX16" fmla="*/ 1998510 w 2615328"/>
                <a:gd name="connsiteY16" fmla="*/ 812004 h 987937"/>
                <a:gd name="connsiteX17" fmla="*/ 1711941 w 2615328"/>
                <a:gd name="connsiteY17" fmla="*/ 989798 h 987937"/>
                <a:gd name="connsiteX18" fmla="*/ 1420161 w 2615328"/>
                <a:gd name="connsiteY18" fmla="*/ 801075 h 987937"/>
                <a:gd name="connsiteX19" fmla="*/ 1325291 w 2615328"/>
                <a:gd name="connsiteY19" fmla="*/ 816842 h 987937"/>
                <a:gd name="connsiteX20" fmla="*/ 1298360 w 2615328"/>
                <a:gd name="connsiteY20" fmla="*/ 815590 h 987937"/>
                <a:gd name="connsiteX21" fmla="*/ 1163026 w 2615328"/>
                <a:gd name="connsiteY21" fmla="*/ 868844 h 987937"/>
                <a:gd name="connsiteX22" fmla="*/ 1048195 w 2615328"/>
                <a:gd name="connsiteY22" fmla="*/ 832270 h 987937"/>
                <a:gd name="connsiteX23" fmla="*/ 950485 w 2615328"/>
                <a:gd name="connsiteY23" fmla="*/ 849051 h 987937"/>
                <a:gd name="connsiteX24" fmla="*/ 878927 w 2615328"/>
                <a:gd name="connsiteY24" fmla="*/ 840221 h 987937"/>
                <a:gd name="connsiteX25" fmla="*/ 763385 w 2615328"/>
                <a:gd name="connsiteY25" fmla="*/ 877302 h 987937"/>
                <a:gd name="connsiteX26" fmla="*/ 644460 w 2615328"/>
                <a:gd name="connsiteY26" fmla="*/ 837819 h 987937"/>
                <a:gd name="connsiteX27" fmla="*/ 575305 w 2615328"/>
                <a:gd name="connsiteY27" fmla="*/ 854262 h 987937"/>
                <a:gd name="connsiteX28" fmla="*/ 482398 w 2615328"/>
                <a:gd name="connsiteY28" fmla="*/ 877302 h 987937"/>
                <a:gd name="connsiteX29" fmla="*/ 340601 w 2615328"/>
                <a:gd name="connsiteY29" fmla="*/ 817789 h 987937"/>
                <a:gd name="connsiteX30" fmla="*/ 198806 w 2615328"/>
                <a:gd name="connsiteY30" fmla="*/ 877302 h 987937"/>
                <a:gd name="connsiteX31" fmla="*/ 0 w 2615328"/>
                <a:gd name="connsiteY31" fmla="*/ 678497 h 987937"/>
                <a:gd name="connsiteX32" fmla="*/ 126436 w 2615328"/>
                <a:gd name="connsiteY32" fmla="*/ 493360 h 9879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</a:cxnLst>
              <a:rect l="l" t="t" r="r" b="b"/>
              <a:pathLst>
                <a:path w="2615328" h="987937">
                  <a:moveTo>
                    <a:pt x="126436" y="493360"/>
                  </a:moveTo>
                  <a:cubicBezTo>
                    <a:pt x="146262" y="404479"/>
                    <a:pt x="225568" y="338030"/>
                    <a:pt x="320404" y="338030"/>
                  </a:cubicBezTo>
                  <a:cubicBezTo>
                    <a:pt x="352681" y="338030"/>
                    <a:pt x="383131" y="345778"/>
                    <a:pt x="410096" y="359413"/>
                  </a:cubicBezTo>
                  <a:cubicBezTo>
                    <a:pt x="450595" y="277942"/>
                    <a:pt x="534672" y="221948"/>
                    <a:pt x="631807" y="221948"/>
                  </a:cubicBezTo>
                  <a:cubicBezTo>
                    <a:pt x="660937" y="221948"/>
                    <a:pt x="688883" y="226989"/>
                    <a:pt x="714835" y="236225"/>
                  </a:cubicBezTo>
                  <a:cubicBezTo>
                    <a:pt x="762167" y="138819"/>
                    <a:pt x="862078" y="71659"/>
                    <a:pt x="977652" y="71659"/>
                  </a:cubicBezTo>
                  <a:cubicBezTo>
                    <a:pt x="1073706" y="71659"/>
                    <a:pt x="1158932" y="118045"/>
                    <a:pt x="1212152" y="189603"/>
                  </a:cubicBezTo>
                  <a:cubicBezTo>
                    <a:pt x="1253633" y="78832"/>
                    <a:pt x="1360445" y="0"/>
                    <a:pt x="1485696" y="0"/>
                  </a:cubicBezTo>
                  <a:cubicBezTo>
                    <a:pt x="1628339" y="0"/>
                    <a:pt x="1747093" y="102279"/>
                    <a:pt x="1772638" y="237511"/>
                  </a:cubicBezTo>
                  <a:cubicBezTo>
                    <a:pt x="1831204" y="171806"/>
                    <a:pt x="1916464" y="130394"/>
                    <a:pt x="2011435" y="130394"/>
                  </a:cubicBezTo>
                  <a:cubicBezTo>
                    <a:pt x="2181989" y="130394"/>
                    <a:pt x="2321316" y="263901"/>
                    <a:pt x="2330688" y="432121"/>
                  </a:cubicBezTo>
                  <a:cubicBezTo>
                    <a:pt x="2354507" y="422682"/>
                    <a:pt x="2380457" y="417471"/>
                    <a:pt x="2407659" y="417471"/>
                  </a:cubicBezTo>
                  <a:cubicBezTo>
                    <a:pt x="2523302" y="417471"/>
                    <a:pt x="2617055" y="511224"/>
                    <a:pt x="2617055" y="626867"/>
                  </a:cubicBezTo>
                  <a:cubicBezTo>
                    <a:pt x="2617055" y="742509"/>
                    <a:pt x="2523302" y="836262"/>
                    <a:pt x="2407659" y="836262"/>
                  </a:cubicBezTo>
                  <a:cubicBezTo>
                    <a:pt x="2363879" y="836262"/>
                    <a:pt x="2323244" y="822796"/>
                    <a:pt x="2289648" y="799857"/>
                  </a:cubicBezTo>
                  <a:cubicBezTo>
                    <a:pt x="2251483" y="840051"/>
                    <a:pt x="2197587" y="865122"/>
                    <a:pt x="2137837" y="865122"/>
                  </a:cubicBezTo>
                  <a:cubicBezTo>
                    <a:pt x="2084313" y="865122"/>
                    <a:pt x="2035524" y="845025"/>
                    <a:pt x="1998510" y="812004"/>
                  </a:cubicBezTo>
                  <a:cubicBezTo>
                    <a:pt x="1946203" y="917361"/>
                    <a:pt x="1837530" y="989798"/>
                    <a:pt x="1711941" y="989798"/>
                  </a:cubicBezTo>
                  <a:cubicBezTo>
                    <a:pt x="1582021" y="989798"/>
                    <a:pt x="1470200" y="912320"/>
                    <a:pt x="1420161" y="801075"/>
                  </a:cubicBezTo>
                  <a:cubicBezTo>
                    <a:pt x="1390421" y="811293"/>
                    <a:pt x="1358517" y="816842"/>
                    <a:pt x="1325291" y="816842"/>
                  </a:cubicBezTo>
                  <a:cubicBezTo>
                    <a:pt x="1316225" y="816842"/>
                    <a:pt x="1307225" y="816402"/>
                    <a:pt x="1298360" y="815590"/>
                  </a:cubicBezTo>
                  <a:cubicBezTo>
                    <a:pt x="1262870" y="848611"/>
                    <a:pt x="1215299" y="868844"/>
                    <a:pt x="1163026" y="868844"/>
                  </a:cubicBezTo>
                  <a:cubicBezTo>
                    <a:pt x="1120227" y="868844"/>
                    <a:pt x="1080641" y="855277"/>
                    <a:pt x="1048195" y="832270"/>
                  </a:cubicBezTo>
                  <a:cubicBezTo>
                    <a:pt x="1017644" y="843130"/>
                    <a:pt x="984758" y="849051"/>
                    <a:pt x="950485" y="849051"/>
                  </a:cubicBezTo>
                  <a:cubicBezTo>
                    <a:pt x="925785" y="849051"/>
                    <a:pt x="901833" y="845972"/>
                    <a:pt x="878927" y="840221"/>
                  </a:cubicBezTo>
                  <a:cubicBezTo>
                    <a:pt x="846344" y="863532"/>
                    <a:pt x="806489" y="877302"/>
                    <a:pt x="763385" y="877302"/>
                  </a:cubicBezTo>
                  <a:cubicBezTo>
                    <a:pt x="718793" y="877302"/>
                    <a:pt x="677618" y="862618"/>
                    <a:pt x="644460" y="837819"/>
                  </a:cubicBezTo>
                  <a:cubicBezTo>
                    <a:pt x="623111" y="847190"/>
                    <a:pt x="599801" y="852976"/>
                    <a:pt x="575305" y="854262"/>
                  </a:cubicBezTo>
                  <a:cubicBezTo>
                    <a:pt x="547562" y="868945"/>
                    <a:pt x="515961" y="877302"/>
                    <a:pt x="482398" y="877302"/>
                  </a:cubicBezTo>
                  <a:cubicBezTo>
                    <a:pt x="426844" y="877302"/>
                    <a:pt x="376668" y="854498"/>
                    <a:pt x="340601" y="817789"/>
                  </a:cubicBezTo>
                  <a:cubicBezTo>
                    <a:pt x="304536" y="854498"/>
                    <a:pt x="254326" y="877302"/>
                    <a:pt x="198806" y="877302"/>
                  </a:cubicBezTo>
                  <a:cubicBezTo>
                    <a:pt x="89016" y="877302"/>
                    <a:pt x="0" y="788286"/>
                    <a:pt x="0" y="678497"/>
                  </a:cubicBezTo>
                  <a:cubicBezTo>
                    <a:pt x="-33" y="594285"/>
                    <a:pt x="52409" y="522287"/>
                    <a:pt x="126436" y="493360"/>
                  </a:cubicBezTo>
                  <a:close/>
                </a:path>
              </a:pathLst>
            </a:custGeom>
            <a:solidFill>
              <a:srgbClr val="6586DC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56" name="Freeform: Shape 155">
              <a:extLst>
                <a:ext uri="{FF2B5EF4-FFF2-40B4-BE49-F238E27FC236}">
                  <a16:creationId xmlns="" xmlns:a16="http://schemas.microsoft.com/office/drawing/2014/main" id="{A91C8ECC-DF49-49A9-8D0E-3007E3E759C1}"/>
                </a:ext>
              </a:extLst>
            </p:cNvPr>
            <p:cNvSpPr/>
            <p:nvPr/>
          </p:nvSpPr>
          <p:spPr>
            <a:xfrm>
              <a:off x="9176297" y="846171"/>
              <a:ext cx="4745378" cy="1594486"/>
            </a:xfrm>
            <a:custGeom>
              <a:avLst/>
              <a:gdLst>
                <a:gd name="connsiteX0" fmla="*/ 3187047 w 3373198"/>
                <a:gd name="connsiteY0" fmla="*/ 642092 h 1133421"/>
                <a:gd name="connsiteX1" fmla="*/ 3119853 w 3373198"/>
                <a:gd name="connsiteY1" fmla="*/ 654407 h 1133421"/>
                <a:gd name="connsiteX2" fmla="*/ 3059359 w 3373198"/>
                <a:gd name="connsiteY2" fmla="*/ 619220 h 1133421"/>
                <a:gd name="connsiteX3" fmla="*/ 2837107 w 3373198"/>
                <a:gd name="connsiteY3" fmla="*/ 441256 h 1133421"/>
                <a:gd name="connsiteX4" fmla="*/ 2734354 w 3373198"/>
                <a:gd name="connsiteY4" fmla="*/ 465785 h 1133421"/>
                <a:gd name="connsiteX5" fmla="*/ 2480332 w 3373198"/>
                <a:gd name="connsiteY5" fmla="*/ 308291 h 1133421"/>
                <a:gd name="connsiteX6" fmla="*/ 2409655 w 3373198"/>
                <a:gd name="connsiteY6" fmla="*/ 317189 h 1133421"/>
                <a:gd name="connsiteX7" fmla="*/ 2094969 w 3373198"/>
                <a:gd name="connsiteY7" fmla="*/ 114425 h 1133421"/>
                <a:gd name="connsiteX8" fmla="*/ 1819497 w 3373198"/>
                <a:gd name="connsiteY8" fmla="*/ 251417 h 1133421"/>
                <a:gd name="connsiteX9" fmla="*/ 1475004 w 3373198"/>
                <a:gd name="connsiteY9" fmla="*/ 0 h 1133421"/>
                <a:gd name="connsiteX10" fmla="*/ 1122798 w 3373198"/>
                <a:gd name="connsiteY10" fmla="*/ 279261 h 1133421"/>
                <a:gd name="connsiteX11" fmla="*/ 899700 w 3373198"/>
                <a:gd name="connsiteY11" fmla="*/ 203475 h 1133421"/>
                <a:gd name="connsiteX12" fmla="*/ 547662 w 3373198"/>
                <a:gd name="connsiteY12" fmla="*/ 468086 h 1133421"/>
                <a:gd name="connsiteX13" fmla="*/ 445756 w 3373198"/>
                <a:gd name="connsiteY13" fmla="*/ 449072 h 1133421"/>
                <a:gd name="connsiteX14" fmla="*/ 182937 w 3373198"/>
                <a:gd name="connsiteY14" fmla="*/ 629438 h 1133421"/>
                <a:gd name="connsiteX15" fmla="*/ 0 w 3373198"/>
                <a:gd name="connsiteY15" fmla="*/ 829259 h 1133421"/>
                <a:gd name="connsiteX16" fmla="*/ 200633 w 3373198"/>
                <a:gd name="connsiteY16" fmla="*/ 1029891 h 1133421"/>
                <a:gd name="connsiteX17" fmla="*/ 326222 w 3373198"/>
                <a:gd name="connsiteY17" fmla="*/ 985671 h 1133421"/>
                <a:gd name="connsiteX18" fmla="*/ 445790 w 3373198"/>
                <a:gd name="connsiteY18" fmla="*/ 1012264 h 1133421"/>
                <a:gd name="connsiteX19" fmla="*/ 585489 w 3373198"/>
                <a:gd name="connsiteY19" fmla="*/ 975216 h 1133421"/>
                <a:gd name="connsiteX20" fmla="*/ 754960 w 3373198"/>
                <a:gd name="connsiteY20" fmla="*/ 1045319 h 1133421"/>
                <a:gd name="connsiteX21" fmla="*/ 903692 w 3373198"/>
                <a:gd name="connsiteY21" fmla="*/ 993588 h 1133421"/>
                <a:gd name="connsiteX22" fmla="*/ 1193205 w 3373198"/>
                <a:gd name="connsiteY22" fmla="*/ 1135452 h 1133421"/>
                <a:gd name="connsiteX23" fmla="*/ 1515537 w 3373198"/>
                <a:gd name="connsiteY23" fmla="*/ 943379 h 1133421"/>
                <a:gd name="connsiteX24" fmla="*/ 1685923 w 3373198"/>
                <a:gd name="connsiteY24" fmla="*/ 989968 h 1133421"/>
                <a:gd name="connsiteX25" fmla="*/ 1716778 w 3373198"/>
                <a:gd name="connsiteY25" fmla="*/ 988547 h 1133421"/>
                <a:gd name="connsiteX26" fmla="*/ 1871871 w 3373198"/>
                <a:gd name="connsiteY26" fmla="*/ 1049548 h 1133421"/>
                <a:gd name="connsiteX27" fmla="*/ 2003416 w 3373198"/>
                <a:gd name="connsiteY27" fmla="*/ 1007663 h 1133421"/>
                <a:gd name="connsiteX28" fmla="*/ 2115371 w 3373198"/>
                <a:gd name="connsiteY28" fmla="*/ 1026880 h 1133421"/>
                <a:gd name="connsiteX29" fmla="*/ 2197349 w 3373198"/>
                <a:gd name="connsiteY29" fmla="*/ 1016730 h 1133421"/>
                <a:gd name="connsiteX30" fmla="*/ 2329739 w 3373198"/>
                <a:gd name="connsiteY30" fmla="*/ 1059225 h 1133421"/>
                <a:gd name="connsiteX31" fmla="*/ 2466021 w 3373198"/>
                <a:gd name="connsiteY31" fmla="*/ 1013990 h 1133421"/>
                <a:gd name="connsiteX32" fmla="*/ 2545259 w 3373198"/>
                <a:gd name="connsiteY32" fmla="*/ 1032835 h 1133421"/>
                <a:gd name="connsiteX33" fmla="*/ 2651699 w 3373198"/>
                <a:gd name="connsiteY33" fmla="*/ 1059225 h 1133421"/>
                <a:gd name="connsiteX34" fmla="*/ 2814168 w 3373198"/>
                <a:gd name="connsiteY34" fmla="*/ 991050 h 1133421"/>
                <a:gd name="connsiteX35" fmla="*/ 2976636 w 3373198"/>
                <a:gd name="connsiteY35" fmla="*/ 1059225 h 1133421"/>
                <a:gd name="connsiteX36" fmla="*/ 3119988 w 3373198"/>
                <a:gd name="connsiteY36" fmla="*/ 1008407 h 1133421"/>
                <a:gd name="connsiteX37" fmla="*/ 3187182 w 3373198"/>
                <a:gd name="connsiteY37" fmla="*/ 1020722 h 1133421"/>
                <a:gd name="connsiteX38" fmla="*/ 3376480 w 3373198"/>
                <a:gd name="connsiteY38" fmla="*/ 831424 h 1133421"/>
                <a:gd name="connsiteX39" fmla="*/ 3187047 w 3373198"/>
                <a:gd name="connsiteY39" fmla="*/ 642092 h 113342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</a:cxnLst>
              <a:rect l="l" t="t" r="r" b="b"/>
              <a:pathLst>
                <a:path w="3373198" h="1133421">
                  <a:moveTo>
                    <a:pt x="3187047" y="642092"/>
                  </a:moveTo>
                  <a:cubicBezTo>
                    <a:pt x="3163397" y="642092"/>
                    <a:pt x="3140763" y="646456"/>
                    <a:pt x="3119853" y="654407"/>
                  </a:cubicBezTo>
                  <a:cubicBezTo>
                    <a:pt x="3101786" y="639757"/>
                    <a:pt x="3081385" y="627814"/>
                    <a:pt x="3059359" y="619220"/>
                  </a:cubicBezTo>
                  <a:cubicBezTo>
                    <a:pt x="3036623" y="517382"/>
                    <a:pt x="2945780" y="441256"/>
                    <a:pt x="2837107" y="441256"/>
                  </a:cubicBezTo>
                  <a:cubicBezTo>
                    <a:pt x="2800126" y="441256"/>
                    <a:pt x="2765244" y="450121"/>
                    <a:pt x="2734354" y="465785"/>
                  </a:cubicBezTo>
                  <a:cubicBezTo>
                    <a:pt x="2687935" y="372439"/>
                    <a:pt x="2591645" y="308291"/>
                    <a:pt x="2480332" y="308291"/>
                  </a:cubicBezTo>
                  <a:cubicBezTo>
                    <a:pt x="2455939" y="308291"/>
                    <a:pt x="2432255" y="311369"/>
                    <a:pt x="2409655" y="317189"/>
                  </a:cubicBezTo>
                  <a:cubicBezTo>
                    <a:pt x="2355352" y="197587"/>
                    <a:pt x="2234871" y="114425"/>
                    <a:pt x="2094969" y="114425"/>
                  </a:cubicBezTo>
                  <a:cubicBezTo>
                    <a:pt x="1982507" y="114425"/>
                    <a:pt x="1882596" y="168186"/>
                    <a:pt x="1819497" y="251417"/>
                  </a:cubicBezTo>
                  <a:cubicBezTo>
                    <a:pt x="1772875" y="105594"/>
                    <a:pt x="1636288" y="0"/>
                    <a:pt x="1475004" y="0"/>
                  </a:cubicBezTo>
                  <a:cubicBezTo>
                    <a:pt x="1303637" y="0"/>
                    <a:pt x="1160082" y="119229"/>
                    <a:pt x="1122798" y="279261"/>
                  </a:cubicBezTo>
                  <a:cubicBezTo>
                    <a:pt x="1061018" y="231759"/>
                    <a:pt x="983641" y="203475"/>
                    <a:pt x="899700" y="203475"/>
                  </a:cubicBezTo>
                  <a:cubicBezTo>
                    <a:pt x="732664" y="203475"/>
                    <a:pt x="591781" y="315260"/>
                    <a:pt x="547662" y="468086"/>
                  </a:cubicBezTo>
                  <a:cubicBezTo>
                    <a:pt x="516062" y="455805"/>
                    <a:pt x="481687" y="449072"/>
                    <a:pt x="445756" y="449072"/>
                  </a:cubicBezTo>
                  <a:cubicBezTo>
                    <a:pt x="325917" y="449072"/>
                    <a:pt x="223571" y="523945"/>
                    <a:pt x="182937" y="629438"/>
                  </a:cubicBezTo>
                  <a:cubicBezTo>
                    <a:pt x="80422" y="638404"/>
                    <a:pt x="0" y="724409"/>
                    <a:pt x="0" y="829259"/>
                  </a:cubicBezTo>
                  <a:cubicBezTo>
                    <a:pt x="0" y="940063"/>
                    <a:pt x="89828" y="1029891"/>
                    <a:pt x="200633" y="1029891"/>
                  </a:cubicBezTo>
                  <a:cubicBezTo>
                    <a:pt x="248202" y="1029891"/>
                    <a:pt x="291848" y="1013313"/>
                    <a:pt x="326222" y="985671"/>
                  </a:cubicBezTo>
                  <a:cubicBezTo>
                    <a:pt x="362525" y="1002723"/>
                    <a:pt x="403024" y="1012264"/>
                    <a:pt x="445790" y="1012264"/>
                  </a:cubicBezTo>
                  <a:cubicBezTo>
                    <a:pt x="496608" y="1012264"/>
                    <a:pt x="544313" y="998798"/>
                    <a:pt x="585489" y="975216"/>
                  </a:cubicBezTo>
                  <a:cubicBezTo>
                    <a:pt x="628896" y="1018523"/>
                    <a:pt x="688782" y="1045319"/>
                    <a:pt x="754960" y="1045319"/>
                  </a:cubicBezTo>
                  <a:cubicBezTo>
                    <a:pt x="811158" y="1045319"/>
                    <a:pt x="862822" y="1025933"/>
                    <a:pt x="903692" y="993588"/>
                  </a:cubicBezTo>
                  <a:cubicBezTo>
                    <a:pt x="970716" y="1079897"/>
                    <a:pt x="1075465" y="1135452"/>
                    <a:pt x="1193205" y="1135452"/>
                  </a:cubicBezTo>
                  <a:cubicBezTo>
                    <a:pt x="1332430" y="1135452"/>
                    <a:pt x="1453554" y="1057770"/>
                    <a:pt x="1515537" y="943379"/>
                  </a:cubicBezTo>
                  <a:cubicBezTo>
                    <a:pt x="1565441" y="972983"/>
                    <a:pt x="1623702" y="989968"/>
                    <a:pt x="1685923" y="989968"/>
                  </a:cubicBezTo>
                  <a:cubicBezTo>
                    <a:pt x="1696343" y="989968"/>
                    <a:pt x="1706628" y="989460"/>
                    <a:pt x="1716778" y="988547"/>
                  </a:cubicBezTo>
                  <a:cubicBezTo>
                    <a:pt x="1757446" y="1026372"/>
                    <a:pt x="1811919" y="1049548"/>
                    <a:pt x="1871871" y="1049548"/>
                  </a:cubicBezTo>
                  <a:cubicBezTo>
                    <a:pt x="1920896" y="1049548"/>
                    <a:pt x="1966266" y="1034019"/>
                    <a:pt x="2003416" y="1007663"/>
                  </a:cubicBezTo>
                  <a:cubicBezTo>
                    <a:pt x="2038434" y="1020079"/>
                    <a:pt x="2076124" y="1026880"/>
                    <a:pt x="2115371" y="1026880"/>
                  </a:cubicBezTo>
                  <a:cubicBezTo>
                    <a:pt x="2143655" y="1026880"/>
                    <a:pt x="2171128" y="1023361"/>
                    <a:pt x="2197349" y="1016730"/>
                  </a:cubicBezTo>
                  <a:cubicBezTo>
                    <a:pt x="2234668" y="1043424"/>
                    <a:pt x="2280343" y="1059225"/>
                    <a:pt x="2329739" y="1059225"/>
                  </a:cubicBezTo>
                  <a:cubicBezTo>
                    <a:pt x="2380828" y="1059225"/>
                    <a:pt x="2427992" y="1042410"/>
                    <a:pt x="2466021" y="1013990"/>
                  </a:cubicBezTo>
                  <a:cubicBezTo>
                    <a:pt x="2490482" y="1024749"/>
                    <a:pt x="2517177" y="1031346"/>
                    <a:pt x="2545259" y="1032835"/>
                  </a:cubicBezTo>
                  <a:cubicBezTo>
                    <a:pt x="2577029" y="1049650"/>
                    <a:pt x="2613230" y="1059225"/>
                    <a:pt x="2651699" y="1059225"/>
                  </a:cubicBezTo>
                  <a:cubicBezTo>
                    <a:pt x="2715340" y="1059225"/>
                    <a:pt x="2772823" y="1033105"/>
                    <a:pt x="2814168" y="991050"/>
                  </a:cubicBezTo>
                  <a:cubicBezTo>
                    <a:pt x="2855478" y="1033105"/>
                    <a:pt x="2912995" y="1059225"/>
                    <a:pt x="2976636" y="1059225"/>
                  </a:cubicBezTo>
                  <a:cubicBezTo>
                    <a:pt x="3030972" y="1059225"/>
                    <a:pt x="3080843" y="1040177"/>
                    <a:pt x="3119988" y="1008407"/>
                  </a:cubicBezTo>
                  <a:cubicBezTo>
                    <a:pt x="3140863" y="1016324"/>
                    <a:pt x="3163499" y="1020722"/>
                    <a:pt x="3187182" y="1020722"/>
                  </a:cubicBezTo>
                  <a:cubicBezTo>
                    <a:pt x="3291727" y="1020722"/>
                    <a:pt x="3376480" y="935970"/>
                    <a:pt x="3376480" y="831424"/>
                  </a:cubicBezTo>
                  <a:cubicBezTo>
                    <a:pt x="3376480" y="726878"/>
                    <a:pt x="3291592" y="642092"/>
                    <a:pt x="3187047" y="642092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57" name="Freeform: Shape 156">
              <a:extLst>
                <a:ext uri="{FF2B5EF4-FFF2-40B4-BE49-F238E27FC236}">
                  <a16:creationId xmlns="" xmlns:a16="http://schemas.microsoft.com/office/drawing/2014/main" id="{2498A33E-85BB-4DA1-A45A-57ED8584E44B}"/>
                </a:ext>
              </a:extLst>
            </p:cNvPr>
            <p:cNvSpPr/>
            <p:nvPr/>
          </p:nvSpPr>
          <p:spPr>
            <a:xfrm>
              <a:off x="7450922" y="1168893"/>
              <a:ext cx="8196128" cy="1518330"/>
            </a:xfrm>
            <a:custGeom>
              <a:avLst/>
              <a:gdLst>
                <a:gd name="connsiteX0" fmla="*/ 5826194 w 5826125"/>
                <a:gd name="connsiteY0" fmla="*/ 957149 h 1079288"/>
                <a:gd name="connsiteX1" fmla="*/ 5803153 w 5826125"/>
                <a:gd name="connsiteY1" fmla="*/ 1080371 h 1079288"/>
                <a:gd name="connsiteX2" fmla="*/ 52136 w 5826125"/>
                <a:gd name="connsiteY2" fmla="*/ 1080371 h 1079288"/>
                <a:gd name="connsiteX3" fmla="*/ 0 w 5826125"/>
                <a:gd name="connsiteY3" fmla="*/ 895775 h 1079288"/>
                <a:gd name="connsiteX4" fmla="*/ 343071 w 5826125"/>
                <a:gd name="connsiteY4" fmla="*/ 543264 h 1079288"/>
                <a:gd name="connsiteX5" fmla="*/ 783516 w 5826125"/>
                <a:gd name="connsiteY5" fmla="*/ 263258 h 1079288"/>
                <a:gd name="connsiteX6" fmla="*/ 1137819 w 5826125"/>
                <a:gd name="connsiteY6" fmla="*/ 416524 h 1079288"/>
                <a:gd name="connsiteX7" fmla="*/ 1364064 w 5826125"/>
                <a:gd name="connsiteY7" fmla="*/ 305009 h 1079288"/>
                <a:gd name="connsiteX8" fmla="*/ 1636863 w 5826125"/>
                <a:gd name="connsiteY8" fmla="*/ 506792 h 1079288"/>
                <a:gd name="connsiteX9" fmla="*/ 2068647 w 5826125"/>
                <a:gd name="connsiteY9" fmla="*/ 203407 h 1079288"/>
                <a:gd name="connsiteX10" fmla="*/ 2290560 w 5826125"/>
                <a:gd name="connsiteY10" fmla="*/ 260586 h 1079288"/>
                <a:gd name="connsiteX11" fmla="*/ 2700690 w 5826125"/>
                <a:gd name="connsiteY11" fmla="*/ 0 h 1079288"/>
                <a:gd name="connsiteX12" fmla="*/ 3144010 w 5826125"/>
                <a:gd name="connsiteY12" fmla="*/ 360191 h 1079288"/>
                <a:gd name="connsiteX13" fmla="*/ 3163261 w 5826125"/>
                <a:gd name="connsiteY13" fmla="*/ 364928 h 1079288"/>
                <a:gd name="connsiteX14" fmla="*/ 3565474 w 5826125"/>
                <a:gd name="connsiteY14" fmla="*/ 91926 h 1079288"/>
                <a:gd name="connsiteX15" fmla="*/ 3959532 w 5826125"/>
                <a:gd name="connsiteY15" fmla="*/ 345846 h 1079288"/>
                <a:gd name="connsiteX16" fmla="*/ 4048074 w 5826125"/>
                <a:gd name="connsiteY16" fmla="*/ 334715 h 1079288"/>
                <a:gd name="connsiteX17" fmla="*/ 4366177 w 5826125"/>
                <a:gd name="connsiteY17" fmla="*/ 531896 h 1079288"/>
                <a:gd name="connsiteX18" fmla="*/ 4494879 w 5826125"/>
                <a:gd name="connsiteY18" fmla="*/ 501277 h 1079288"/>
                <a:gd name="connsiteX19" fmla="*/ 4732797 w 5826125"/>
                <a:gd name="connsiteY19" fmla="*/ 629134 h 1079288"/>
                <a:gd name="connsiteX20" fmla="*/ 5120698 w 5826125"/>
                <a:gd name="connsiteY20" fmla="*/ 377446 h 1079288"/>
                <a:gd name="connsiteX21" fmla="*/ 5387272 w 5826125"/>
                <a:gd name="connsiteY21" fmla="*/ 471571 h 1079288"/>
                <a:gd name="connsiteX22" fmla="*/ 5479230 w 5826125"/>
                <a:gd name="connsiteY22" fmla="*/ 470928 h 1079288"/>
                <a:gd name="connsiteX23" fmla="*/ 5717317 w 5826125"/>
                <a:gd name="connsiteY23" fmla="*/ 708135 h 1079288"/>
                <a:gd name="connsiteX24" fmla="*/ 5826194 w 5826125"/>
                <a:gd name="connsiteY24" fmla="*/ 957149 h 107928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</a:cxnLst>
              <a:rect l="l" t="t" r="r" b="b"/>
              <a:pathLst>
                <a:path w="5826125" h="1079288">
                  <a:moveTo>
                    <a:pt x="5826194" y="957149"/>
                  </a:moveTo>
                  <a:cubicBezTo>
                    <a:pt x="5826194" y="1000625"/>
                    <a:pt x="5818006" y="1042173"/>
                    <a:pt x="5803153" y="1080371"/>
                  </a:cubicBezTo>
                  <a:lnTo>
                    <a:pt x="52136" y="1080371"/>
                  </a:lnTo>
                  <a:cubicBezTo>
                    <a:pt x="19081" y="1026677"/>
                    <a:pt x="0" y="963476"/>
                    <a:pt x="0" y="895775"/>
                  </a:cubicBezTo>
                  <a:cubicBezTo>
                    <a:pt x="0" y="704244"/>
                    <a:pt x="152758" y="548339"/>
                    <a:pt x="343071" y="543264"/>
                  </a:cubicBezTo>
                  <a:cubicBezTo>
                    <a:pt x="420685" y="377852"/>
                    <a:pt x="588668" y="263258"/>
                    <a:pt x="783516" y="263258"/>
                  </a:cubicBezTo>
                  <a:cubicBezTo>
                    <a:pt x="923215" y="263258"/>
                    <a:pt x="1049142" y="322196"/>
                    <a:pt x="1137819" y="416524"/>
                  </a:cubicBezTo>
                  <a:cubicBezTo>
                    <a:pt x="1189990" y="348722"/>
                    <a:pt x="1271868" y="305009"/>
                    <a:pt x="1364064" y="305009"/>
                  </a:cubicBezTo>
                  <a:cubicBezTo>
                    <a:pt x="1492529" y="305009"/>
                    <a:pt x="1601203" y="389999"/>
                    <a:pt x="1636863" y="506792"/>
                  </a:cubicBezTo>
                  <a:cubicBezTo>
                    <a:pt x="1700539" y="329910"/>
                    <a:pt x="1869807" y="203407"/>
                    <a:pt x="2068647" y="203407"/>
                  </a:cubicBezTo>
                  <a:cubicBezTo>
                    <a:pt x="2149137" y="203407"/>
                    <a:pt x="2224788" y="224147"/>
                    <a:pt x="2290560" y="260586"/>
                  </a:cubicBezTo>
                  <a:cubicBezTo>
                    <a:pt x="2362863" y="106609"/>
                    <a:pt x="2519309" y="0"/>
                    <a:pt x="2700690" y="0"/>
                  </a:cubicBezTo>
                  <a:cubicBezTo>
                    <a:pt x="2919017" y="0"/>
                    <a:pt x="3101278" y="154517"/>
                    <a:pt x="3144010" y="360191"/>
                  </a:cubicBezTo>
                  <a:cubicBezTo>
                    <a:pt x="3150505" y="361612"/>
                    <a:pt x="3156900" y="363203"/>
                    <a:pt x="3163261" y="364928"/>
                  </a:cubicBezTo>
                  <a:cubicBezTo>
                    <a:pt x="3226801" y="204997"/>
                    <a:pt x="3382942" y="91926"/>
                    <a:pt x="3565474" y="91926"/>
                  </a:cubicBezTo>
                  <a:cubicBezTo>
                    <a:pt x="3740663" y="91926"/>
                    <a:pt x="3891526" y="196065"/>
                    <a:pt x="3959532" y="345846"/>
                  </a:cubicBezTo>
                  <a:cubicBezTo>
                    <a:pt x="3987851" y="338606"/>
                    <a:pt x="4017488" y="334715"/>
                    <a:pt x="4048074" y="334715"/>
                  </a:cubicBezTo>
                  <a:cubicBezTo>
                    <a:pt x="4187434" y="334715"/>
                    <a:pt x="4308052" y="415035"/>
                    <a:pt x="4366177" y="531896"/>
                  </a:cubicBezTo>
                  <a:cubicBezTo>
                    <a:pt x="4404849" y="512307"/>
                    <a:pt x="4448561" y="501277"/>
                    <a:pt x="4494879" y="501277"/>
                  </a:cubicBezTo>
                  <a:cubicBezTo>
                    <a:pt x="4594214" y="501277"/>
                    <a:pt x="4681709" y="552095"/>
                    <a:pt x="4732797" y="629134"/>
                  </a:cubicBezTo>
                  <a:cubicBezTo>
                    <a:pt x="4799009" y="480841"/>
                    <a:pt x="4947809" y="377446"/>
                    <a:pt x="5120698" y="377446"/>
                  </a:cubicBezTo>
                  <a:cubicBezTo>
                    <a:pt x="5221691" y="377446"/>
                    <a:pt x="5314395" y="412701"/>
                    <a:pt x="5387272" y="471571"/>
                  </a:cubicBezTo>
                  <a:cubicBezTo>
                    <a:pt x="5416909" y="466496"/>
                    <a:pt x="5447867" y="466056"/>
                    <a:pt x="5479230" y="470928"/>
                  </a:cubicBezTo>
                  <a:cubicBezTo>
                    <a:pt x="5604821" y="490383"/>
                    <a:pt x="5698438" y="589007"/>
                    <a:pt x="5717317" y="708135"/>
                  </a:cubicBezTo>
                  <a:cubicBezTo>
                    <a:pt x="5784274" y="770050"/>
                    <a:pt x="5826194" y="858694"/>
                    <a:pt x="5826194" y="957149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defTabSz="128565"/>
              <a:endParaRPr lang="en-US" sz="506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158" name="Group 157">
            <a:extLst>
              <a:ext uri="{FF2B5EF4-FFF2-40B4-BE49-F238E27FC236}">
                <a16:creationId xmlns="" xmlns:a16="http://schemas.microsoft.com/office/drawing/2014/main" id="{8428D489-F821-465D-A92F-F175EBF77ACB}"/>
              </a:ext>
            </a:extLst>
          </p:cNvPr>
          <p:cNvGrpSpPr/>
          <p:nvPr/>
        </p:nvGrpSpPr>
        <p:grpSpPr>
          <a:xfrm>
            <a:off x="1304664" y="2536239"/>
            <a:ext cx="4248672" cy="763242"/>
            <a:chOff x="13402607" y="9185703"/>
            <a:chExt cx="9587459" cy="1879729"/>
          </a:xfrm>
        </p:grpSpPr>
        <p:sp>
          <p:nvSpPr>
            <p:cNvPr id="159" name="Rectangle: Rounded Corners 158">
              <a:hlinkClick r:id="rId6" action="ppaction://hlinksldjump"/>
              <a:extLst>
                <a:ext uri="{FF2B5EF4-FFF2-40B4-BE49-F238E27FC236}">
                  <a16:creationId xmlns="" xmlns:a16="http://schemas.microsoft.com/office/drawing/2014/main" id="{399CD940-BE12-416A-A335-9A52BA0F2EDB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28565"/>
              <a:endParaRPr lang="en-US" sz="700" dirty="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60" name="TextBox 159">
              <a:hlinkClick r:id="rId6" action="ppaction://hlinksldjump"/>
              <a:extLst>
                <a:ext uri="{FF2B5EF4-FFF2-40B4-BE49-F238E27FC236}">
                  <a16:creationId xmlns="" xmlns:a16="http://schemas.microsoft.com/office/drawing/2014/main" id="{39B81694-5240-4E8F-A61F-BAF74F55F610}"/>
                </a:ext>
              </a:extLst>
            </p:cNvPr>
            <p:cNvSpPr txBox="1"/>
            <p:nvPr/>
          </p:nvSpPr>
          <p:spPr>
            <a:xfrm>
              <a:off x="15350914" y="9483409"/>
              <a:ext cx="3659986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 defTabSz="128565"/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MATERI 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PWP</a:t>
              </a:r>
              <a:endParaRPr lang="en-US" sz="2800" dirty="0">
                <a:solidFill>
                  <a:srgbClr val="E0E4F4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grpSp>
        <p:nvGrpSpPr>
          <p:cNvPr id="162" name="Group 161">
            <a:extLst>
              <a:ext uri="{FF2B5EF4-FFF2-40B4-BE49-F238E27FC236}">
                <a16:creationId xmlns="" xmlns:a16="http://schemas.microsoft.com/office/drawing/2014/main" id="{68307067-E7D7-D61A-C4D6-BDDC9D369AEF}"/>
              </a:ext>
            </a:extLst>
          </p:cNvPr>
          <p:cNvGrpSpPr/>
          <p:nvPr/>
        </p:nvGrpSpPr>
        <p:grpSpPr>
          <a:xfrm>
            <a:off x="1325573" y="3778414"/>
            <a:ext cx="4248672" cy="763242"/>
            <a:chOff x="13402607" y="9185703"/>
            <a:chExt cx="9587459" cy="1879729"/>
          </a:xfrm>
        </p:grpSpPr>
        <p:sp>
          <p:nvSpPr>
            <p:cNvPr id="163" name="Rectangle: Rounded Corners 162">
              <a:hlinkClick r:id="rId7" action="ppaction://hlinksldjump"/>
              <a:extLst>
                <a:ext uri="{FF2B5EF4-FFF2-40B4-BE49-F238E27FC236}">
                  <a16:creationId xmlns="" xmlns:a16="http://schemas.microsoft.com/office/drawing/2014/main" id="{3B3F216B-69B9-8178-7B5F-A2FECE5D03CB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46000">
                  <a:srgbClr val="F29122"/>
                </a:gs>
                <a:gs pos="32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28565"/>
              <a:endParaRPr lang="en-US" sz="700" dirty="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64" name="TextBox 163">
              <a:hlinkClick r:id="rId7" action="ppaction://hlinksldjump"/>
              <a:extLst>
                <a:ext uri="{FF2B5EF4-FFF2-40B4-BE49-F238E27FC236}">
                  <a16:creationId xmlns="" xmlns:a16="http://schemas.microsoft.com/office/drawing/2014/main" id="{DE0F7CAE-72E9-B9E3-A1D5-166F18BC2ED2}"/>
                </a:ext>
              </a:extLst>
            </p:cNvPr>
            <p:cNvSpPr txBox="1"/>
            <p:nvPr/>
          </p:nvSpPr>
          <p:spPr>
            <a:xfrm>
              <a:off x="14558950" y="9481269"/>
              <a:ext cx="477396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defTabSz="128565"/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1 NPWP</a:t>
              </a:r>
              <a:endParaRPr lang="en-US" sz="2800" dirty="0">
                <a:solidFill>
                  <a:srgbClr val="E0E4F4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grpSp>
        <p:nvGrpSpPr>
          <p:cNvPr id="170" name="Group 169"/>
          <p:cNvGrpSpPr/>
          <p:nvPr/>
        </p:nvGrpSpPr>
        <p:grpSpPr>
          <a:xfrm>
            <a:off x="1321560" y="4941470"/>
            <a:ext cx="4248672" cy="763242"/>
            <a:chOff x="1321560" y="4941470"/>
            <a:chExt cx="4248672" cy="763242"/>
          </a:xfrm>
        </p:grpSpPr>
        <p:sp>
          <p:nvSpPr>
            <p:cNvPr id="107" name="Rectangle: Rounded Corners 106">
              <a:hlinkClick r:id="rId8" action="ppaction://hlinksldjump"/>
              <a:extLst>
                <a:ext uri="{FF2B5EF4-FFF2-40B4-BE49-F238E27FC236}">
                  <a16:creationId xmlns="" xmlns:a16="http://schemas.microsoft.com/office/drawing/2014/main" id="{5E978CA5-D3AE-9C52-E969-0627D02624C6}"/>
                </a:ext>
              </a:extLst>
            </p:cNvPr>
            <p:cNvSpPr/>
            <p:nvPr/>
          </p:nvSpPr>
          <p:spPr>
            <a:xfrm>
              <a:off x="1321560" y="4941470"/>
              <a:ext cx="4248672" cy="763242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28565"/>
              <a:endParaRPr lang="en-US" sz="700" dirty="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08" name="TextBox 107">
              <a:hlinkClick r:id="rId8" action="ppaction://hlinksldjump"/>
              <a:extLst>
                <a:ext uri="{FF2B5EF4-FFF2-40B4-BE49-F238E27FC236}">
                  <a16:creationId xmlns="" xmlns:a16="http://schemas.microsoft.com/office/drawing/2014/main" id="{8EA2AE79-BF15-792F-C3C8-ED59E889A1A7}"/>
                </a:ext>
              </a:extLst>
            </p:cNvPr>
            <p:cNvSpPr txBox="1"/>
            <p:nvPr/>
          </p:nvSpPr>
          <p:spPr>
            <a:xfrm>
              <a:off x="1833992" y="5061481"/>
              <a:ext cx="2049857" cy="523220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defTabSz="128565"/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2 NPWP</a:t>
              </a:r>
              <a:endParaRPr lang="en-US" sz="2800" dirty="0">
                <a:solidFill>
                  <a:srgbClr val="E0E4F4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1026" name="Picture 2" descr="https://disk.mediaindonesia.com/files/news/2023/12/5757ea4da9e2fe2e61a1b8a3bddb5271.jpg"/>
          <p:cNvPicPr>
            <a:picLocks noChangeAspect="1" noChangeArrowheads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6748" y="7800465"/>
            <a:ext cx="5573702" cy="3984489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>
            <a:reflection blurRad="12700" stA="38000" endPos="28000" dist="5000" dir="5400000" sy="-100000" algn="bl" rotWithShape="0"/>
          </a:effectLst>
          <a:extLst/>
        </p:spPr>
      </p:pic>
      <p:pic>
        <p:nvPicPr>
          <p:cNvPr id="151" name="Picture 150">
            <a:extLst>
              <a:ext uri="{FF2B5EF4-FFF2-40B4-BE49-F238E27FC236}">
                <a16:creationId xmlns="" xmlns:a16="http://schemas.microsoft.com/office/drawing/2014/main" id="{13B42010-D634-4727-8B1C-C1AEF332989C}"/>
              </a:ext>
            </a:extLst>
          </p:cNvPr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86681" y="7291636"/>
            <a:ext cx="1326905" cy="1591576"/>
          </a:xfrm>
          <a:prstGeom prst="rect">
            <a:avLst/>
          </a:prstGeom>
        </p:spPr>
      </p:pic>
      <p:grpSp>
        <p:nvGrpSpPr>
          <p:cNvPr id="109" name="Group 108"/>
          <p:cNvGrpSpPr/>
          <p:nvPr/>
        </p:nvGrpSpPr>
        <p:grpSpPr>
          <a:xfrm>
            <a:off x="1303591" y="6041736"/>
            <a:ext cx="4248672" cy="763242"/>
            <a:chOff x="1303591" y="6041736"/>
            <a:chExt cx="4248672" cy="763242"/>
          </a:xfrm>
        </p:grpSpPr>
        <p:sp>
          <p:nvSpPr>
            <p:cNvPr id="167" name="Rectangle: Rounded Corners 106">
              <a:hlinkClick r:id="rId11"/>
              <a:extLst>
                <a:ext uri="{FF2B5EF4-FFF2-40B4-BE49-F238E27FC236}">
                  <a16:creationId xmlns="" xmlns:a16="http://schemas.microsoft.com/office/drawing/2014/main" id="{5E978CA5-D3AE-9C52-E969-0627D02624C6}"/>
                </a:ext>
              </a:extLst>
            </p:cNvPr>
            <p:cNvSpPr/>
            <p:nvPr/>
          </p:nvSpPr>
          <p:spPr>
            <a:xfrm>
              <a:off x="1303591" y="6041736"/>
              <a:ext cx="4248672" cy="763242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128565"/>
              <a:endParaRPr lang="en-US" sz="700" dirty="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68" name="TextBox 167">
              <a:hlinkClick r:id="rId11"/>
              <a:extLst>
                <a:ext uri="{FF2B5EF4-FFF2-40B4-BE49-F238E27FC236}">
                  <a16:creationId xmlns="" xmlns:a16="http://schemas.microsoft.com/office/drawing/2014/main" id="{8EA2AE79-BF15-792F-C3C8-ED59E889A1A7}"/>
                </a:ext>
              </a:extLst>
            </p:cNvPr>
            <p:cNvSpPr txBox="1"/>
            <p:nvPr/>
          </p:nvSpPr>
          <p:spPr>
            <a:xfrm>
              <a:off x="1816023" y="6161747"/>
              <a:ext cx="1379224" cy="523220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defTabSz="128565"/>
              <a:r>
                <a:rPr lang="en-US" sz="2800" dirty="0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FINAL QUIZ</a:t>
              </a:r>
              <a:endParaRPr lang="en-US" sz="2800" dirty="0">
                <a:solidFill>
                  <a:srgbClr val="E0E4F4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150" name="Picture 149">
            <a:extLst>
              <a:ext uri="{FF2B5EF4-FFF2-40B4-BE49-F238E27FC236}">
                <a16:creationId xmlns="" xmlns:a16="http://schemas.microsoft.com/office/drawing/2014/main" id="{AF24CB3D-A3EF-45C6-BAA8-3D7BF2A3569A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65208" y="5645420"/>
            <a:ext cx="1489887" cy="216659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9507966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6" dur="120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8" dur="3000" fill="hold"/>
                                        <p:tgtEl>
                                          <p:spTgt spid="15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AD6BA354-53BD-4702-8298-195121D09543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C51F9FDA-A4A7-4A71-B362-C76157BB9A44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15CAE020-8C81-440C-8655-1204322418C8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C21F518A-9BE6-4A32-A9B2-9AF939AF35D9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1E4C95E4-6EBC-4E3D-B3E7-2C43D5CF8CD8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F8871F78-CDE9-4BCC-BAF8-9281B409CD49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B6B8BE1B-2E31-4B15-BFC9-1608E4F32BE7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649CA2F0-C59A-461E-99C7-1D02E4F158AB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454B1484-D0DE-40C3-93FD-F9D62E3B3607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B9B077D1-CF8E-4437-995A-EB8B1342E305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24673BAD-9533-4E57-9DC1-5479516DFA5D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35359F9A-D358-4254-962D-6B9555BB7B34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6BECE6D6-2B5F-4259-B3D4-96B7A66256E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778C67C6-7846-43E2-A889-CD3F788E9C78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8C1612CA-2B29-4566-AA5B-FBFDF1EA526F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9872A176-3856-4CE8-B621-A65DA0F720A7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1C1AF878-ED71-4CEA-95C0-CBEA87D0E602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9BAEE7A3-BAD1-42D8-A100-0AC70EC3FCA7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362AFD19-D6CA-4F2C-9C0B-533D198DDD7C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436B3357-A440-4378-B9BD-1736730B174D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2FC2133A-79B4-4977-B2C6-81AF4B74691A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E90BBCAD-45FA-4ED0-ADF3-73A264696227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56D67E62-D1BC-469A-AA62-95BD63B4E123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BC3F2BD5-F77E-4A33-8989-42E9A7F289D9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1EF81C02-A837-4D28-B918-CB55C8DC1225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491ECF81-2764-4B7F-9B4F-C25143D9FA00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DC05346B-78B9-4C59-AF46-0DBCA4EAA161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AD4F75AD-408B-412D-A94B-F05F67B0B6A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CD59D707-CA3F-4662-BDE4-A7F1B46B83E2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CFD210AF-DC0E-41BB-9D60-0EE9F50F1B47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C5F9147F-53EE-4F82-B010-7F76A8A7C859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13D0741A-37EA-4D9C-9215-7DEF1A586A07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DA4A5314-2543-4926-8BDE-EADB6907390C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F535BC8F-070B-4559-A15C-43EB86933274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4A7B3AA1-2444-46BC-9937-CA8431B7B4ED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B7C0F88F-3B6F-49E5-9379-0FFACE288BAF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901558E2-14E7-472D-9012-B2D4C970D85A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866E674A-7B4E-4CC8-AABF-223642ACE89F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0E51FDD3-B683-4B67-BFB6-672F655AD671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6752C98C-A058-4D24-962C-7994DC58918C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745F16F7-D178-45F3-A5E0-9CF58DA3FC6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2CE6F51B-AC01-4C3C-8BA6-1DF94DF3A7E7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BF3AC5FD-9B75-47C1-953E-CC12A99C7C79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73F50AEB-6B89-41E8-A088-88541C14D04C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EFC058AA-1F75-4C34-9104-40368D054E9C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5D76438E-4498-432A-BF58-3A2F09A12239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6BC0D02D-8E90-4F2B-9EDA-03C9F5150DA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E79DA825-34E3-4D5E-B3C9-AF65D9A760CC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C2AB7C6B-889E-4257-8AE4-6B779AF022C4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5716B54F-ACB3-4D60-8220-9380D44EA295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9CF08904-01D5-4C06-8926-FF0510CD7D72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22670FCE-44D6-404A-B921-0A623BE2C1B8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FF0BA9B5-B4C5-47B9-A8B2-AC62ABE05927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4392402F-00E7-4C52-8800-F562C30C38D1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19FD8123-ACF3-4CEA-A879-58035CB61E68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6805138D-A7B6-4072-9338-2481AE163B5E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33E14EA7-1A8C-4091-A92A-CEFF4093D4CD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75A34000-BE7F-42E6-B75E-B0D9B352F9F7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D7A6C8D0-43F2-4E35-9F1A-88248A2F7F80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541A7151-971E-41F8-BAFC-671A3BA85071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5B58473C-E5D4-44FE-9CBA-9D196B705608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42E324C9-33A1-42E2-A525-9E23AA2C6BE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6A994A4D-EFB4-49C4-9872-0344D79BE31E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2B657D5A-97DA-4340-88CC-9A21CF915D08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51A7974A-50EA-49C0-9320-53A2B969CEC2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D56C2F94-D042-48F1-BEE0-DCD77BBC20BC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2B2A856F-081E-42D9-8DBE-6D516D548454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64012E6D-389B-4415-ABDC-3ED04F7A69ED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CA220EF9-C816-4A5C-AC24-327B2EE1B0B4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875F7EAA-70FB-488E-8819-CB851253A4DD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C4EB206F-7C51-49C2-95F8-ACE2C86CA04B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09CC1C9F-406D-48BF-AC6A-9570611C0087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86F84E59-B4F6-46E1-B0A2-F531FB8F617D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D5C0DA4B-1960-4806-BBB0-6E4FAF133DAA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7B059467-22A8-44D3-8B7E-66D7E5F90530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9F2DFF42-5CEB-4C9B-A1F0-72B865560DD9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D5AEF927-D4B0-422C-A16C-3061126DC9F0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C16BCA51-8AC8-4FEC-A537-1D5F47DDCA6B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B5CAE136-0BF1-4818-9D64-C793E228BA9A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0D4AB280-B945-419A-8676-8CC2AA676B59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C6193366-4762-41B6-8083-64EE894358AA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8D08FC6C-EC23-4B5A-9159-3C2F87FB3CB8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B4ED5AA6-939A-4BAE-AA1B-5E9F539A57E0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B2B508F9-E0FC-48E8-B948-413F5B759CD8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8941446E-2451-41C7-89F2-709BF7C3931D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8147D836-A941-4419-82F3-7CCECD50EEE8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71933AFB-8EDA-4441-82E7-9146F3D8BD89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2C89A058-DA46-4C15-8414-462004436CB6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A4409F94-04C2-42E9-903F-8D778E430055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4DFA6F07-BD6B-4BB2-B46F-54E55753499D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EDFF0C4E-F220-47BF-A4AA-F75974858C10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EA491475-CC28-45A8-99DF-FDEFCEE24C31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B5BDBB88-C8A9-4891-A237-AA5A96D9C936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55C7CE37-B677-44B5-A4F4-596AC0C53139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6CC575C3-C0EC-4A0D-90AA-C4BFCFA3F7C1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4E110DCC-0659-456F-9B03-FB3B02F02DA5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15002D45-617A-45EC-B046-E0F29DFBB2DB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91D0D897-1BA9-4951-9051-CB9BE0BEC364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9359151D-E8C3-40B1-BA5C-EB1821CAE5CD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95387AE9-22E8-493F-BBFA-D2034C0BA69D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8D8B7599-7456-4297-9904-3A80E1A4EEE1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18105238-1110-4FB1-9EBF-53D9F7D22380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4316D458-A1ED-416B-81AD-18B8A940C3A7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760E057C-A5B0-4545-BD6B-EE6ECE142C53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A1BAD0A3-3DF5-416E-89AC-4B42A341E1DC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9A930204-10D5-4F64-BCBD-E86CC0976D70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EF1F9EA8-C485-4575-8200-EE5F96E62579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E97865B9-7589-4F19-9F96-D51F387CDB5D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5057C84F-CC70-4988-A24D-00B28D746797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BDB98854-CEAA-44C5-ADEF-A98F96862A6C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36029973-F975-4B27-B36C-9D97C28269BA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C9A99195-CBBD-43C0-9403-03C24156879E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13555C0D-2C0C-47C5-B5DA-D0B6B870DBE4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27A44C01-67D3-4621-8B6A-5B2436B60498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CC3F2BE6-BBB9-44F8-B082-54E358442043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A73F10D4-1372-459A-941D-7AB5117C33F3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DA868065-95C7-49DF-A079-9494AA095DB5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9851A70A-6E16-4E44-AA75-6E7607F67DEB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43489A30-58AE-4C9B-AB45-5E4A83DE3EBD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F2A7EBCA-C49E-4DF5-881D-541A9D074ED4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A160DDE0-1308-4D2E-96E9-8D5051F279EA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6369EF44-1B04-45F5-86BE-787192AB7F6A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9454853A-2C7C-4D9C-A3FB-AEED432C1281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4FF65548-2B2E-4C62-A356-228093CDC4AD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D2C0EFC6-8EB1-4BAC-B407-72BE20F2F530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4E9FB043-3766-4745-9E06-754F3C7DC365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D76CEA93-28D7-4A62-B06F-D002B82CF9F3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116127A4-0DFF-4FEC-901A-83994A258759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C04D3AAA-9395-46C9-8D73-50F127A77847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28794716-76CE-4902-9DCD-CCB126700D3F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C55FAA0C-04BA-4480-BFE3-B4364360E1F2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35A1CB5C-F468-4F38-8CE3-A7C08B53FAD1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1EB2F1E3-CDD6-4E60-BA44-4F0D01260248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71F0EA89-FFD7-46A3-96BC-1D26A1626D05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C1F7F31C-4425-4741-90E5-88CC50D68EB2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0AC38552-7F0E-4FC8-8189-836BE7A1CFA1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CFF270A3-F84A-4FB5-BDF9-99D5EA78DE45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70E4007E-8452-4F27-B390-188E1D580F15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8BF7DA4A-F512-4934-A9C9-9DF8C9B2FDED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CCA6172A-9607-45B9-B26D-144FF5116BE8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60A8E3B6-58FD-45C7-83D2-EC1E98470B96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A3C520DB-97A1-47E3-9F65-2508C7CEB902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BC4C07B3-11DC-4E2D-9AA2-E9CDB189D14A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65F14243-6D8E-434A-84D9-A93B6C0C5F69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661B0782-E704-496A-8E75-F05BD8BC3450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986C77B3-5F9A-4B9A-AED7-3E4251DCCC99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23C9EF8F-A9B5-4A11-A742-5DAEBD2631B3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CF6B9428-8081-40AD-A993-482E3A39D9AB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91FC72CE-953B-4FCD-A37F-73408A75ED54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56ABD99A-C896-4430-9D08-45B6984B6AB1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FAA577DF-A3E7-459B-8560-411DF1E0FD60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89E97987-6319-42F9-AA2E-12E64780CC30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63D36861-CF8F-4C74-A360-A336999B916F}"/>
                </a:ext>
              </a:extLst>
            </p:cNvPr>
            <p:cNvSpPr txBox="1"/>
            <p:nvPr/>
          </p:nvSpPr>
          <p:spPr>
            <a:xfrm>
              <a:off x="16041873" y="9481269"/>
              <a:ext cx="381335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lang="en-US" sz="2800" dirty="0" err="1" smtClean="0">
                  <a:solidFill>
                    <a:srgbClr val="E0E4F4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4301379A-27AF-4534-9F37-9F6D3924BC3E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0BFA742F-76B0-4375-A3C7-8C83093A912C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8C0F6622-7117-487A-AEE8-8954AB4F40B8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AA3D0B03-E058-4131-A2B9-4A87302CEC43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ID" sz="2800" dirty="0" err="1" smtClean="0"/>
              <a:t>Berdasarkan</a:t>
            </a:r>
            <a:r>
              <a:rPr lang="en-ID" sz="2800" dirty="0" smtClean="0"/>
              <a:t> KTP Narendra </a:t>
            </a:r>
            <a:r>
              <a:rPr lang="en-ID" sz="2800" dirty="0" err="1" smtClean="0"/>
              <a:t>adalah</a:t>
            </a:r>
            <a:r>
              <a:rPr lang="en-ID" sz="2800" dirty="0" smtClean="0"/>
              <a:t> </a:t>
            </a:r>
            <a:r>
              <a:rPr lang="en-ID" sz="2800" dirty="0" err="1" smtClean="0"/>
              <a:t>warga</a:t>
            </a:r>
            <a:r>
              <a:rPr lang="en-ID" sz="2800" dirty="0" smtClean="0"/>
              <a:t> </a:t>
            </a:r>
            <a:r>
              <a:rPr lang="en-ID" sz="2800" dirty="0" err="1" smtClean="0"/>
              <a:t>asal</a:t>
            </a:r>
            <a:r>
              <a:rPr lang="en-ID" sz="2800" dirty="0" smtClean="0"/>
              <a:t> </a:t>
            </a:r>
            <a:r>
              <a:rPr lang="en-ID" sz="2800" dirty="0" err="1" smtClean="0"/>
              <a:t>Klaten</a:t>
            </a:r>
            <a:r>
              <a:rPr lang="en-ID" sz="2800" dirty="0" smtClean="0"/>
              <a:t>, </a:t>
            </a:r>
            <a:r>
              <a:rPr lang="en-ID" sz="2800" dirty="0" err="1" smtClean="0"/>
              <a:t>Jawa</a:t>
            </a:r>
            <a:r>
              <a:rPr lang="en-ID" sz="2800" dirty="0" smtClean="0"/>
              <a:t> Tengah yang </a:t>
            </a:r>
            <a:r>
              <a:rPr lang="en-ID" sz="2800" dirty="0" err="1" smtClean="0"/>
              <a:t>bekerja</a:t>
            </a:r>
            <a:r>
              <a:rPr lang="en-ID" sz="2800" dirty="0" smtClean="0"/>
              <a:t> di PT Virgo </a:t>
            </a:r>
            <a:r>
              <a:rPr lang="en-ID" sz="2800" dirty="0" err="1" smtClean="0"/>
              <a:t>Bakti</a:t>
            </a:r>
            <a:r>
              <a:rPr lang="en-ID" sz="2800" dirty="0" smtClean="0"/>
              <a:t> Surabaya. Di KPP </a:t>
            </a:r>
            <a:r>
              <a:rPr lang="en-ID" sz="2800" dirty="0" err="1" smtClean="0"/>
              <a:t>Pratama</a:t>
            </a:r>
            <a:r>
              <a:rPr lang="en-ID" sz="2800" dirty="0" smtClean="0"/>
              <a:t> mana, Narendra </a:t>
            </a:r>
            <a:r>
              <a:rPr lang="en-ID" sz="2800" dirty="0" err="1" smtClean="0"/>
              <a:t>harus</a:t>
            </a:r>
            <a:r>
              <a:rPr lang="en-ID" sz="2800" dirty="0" smtClean="0"/>
              <a:t> </a:t>
            </a:r>
            <a:r>
              <a:rPr lang="en-ID" sz="2800" dirty="0" err="1"/>
              <a:t>mendaftarkan</a:t>
            </a:r>
            <a:r>
              <a:rPr lang="en-ID" sz="2800" dirty="0"/>
              <a:t> NPWP?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B2E8326F-9758-4944-9900-1F58C72C6EAA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09E1A79D-5BF2-4A27-B3FD-619DA9206BD1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E04D932E-C1A5-4600-A259-FF1B1AC84BD3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1</a:t>
              </a:r>
            </a:p>
          </p:txBody>
        </p:sp>
      </p:grpSp>
      <p:grpSp>
        <p:nvGrpSpPr>
          <p:cNvPr id="4" name="Group 3">
            <a:extLst>
              <a:ext uri="{FF2B5EF4-FFF2-40B4-BE49-F238E27FC236}">
                <a16:creationId xmlns="" xmlns:a16="http://schemas.microsoft.com/office/drawing/2014/main" id="{2E17C9C2-2375-452A-982B-B6A67EE23EFB}"/>
              </a:ext>
            </a:extLst>
          </p:cNvPr>
          <p:cNvGrpSpPr/>
          <p:nvPr/>
        </p:nvGrpSpPr>
        <p:grpSpPr>
          <a:xfrm>
            <a:off x="639772" y="5091003"/>
            <a:ext cx="1893875" cy="1817967"/>
            <a:chOff x="399141" y="4127828"/>
            <a:chExt cx="2125720" cy="2592374"/>
          </a:xfrm>
        </p:grpSpPr>
        <p:sp>
          <p:nvSpPr>
            <p:cNvPr id="3" name="Rectangle: Rounded Corners 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32FD9817-88D8-4991-AA83-985B0FB5CEB3}"/>
                </a:ext>
              </a:extLst>
            </p:cNvPr>
            <p:cNvSpPr/>
            <p:nvPr/>
          </p:nvSpPr>
          <p:spPr>
            <a:xfrm>
              <a:off x="671188" y="4339044"/>
              <a:ext cx="1601210" cy="2381158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pic>
          <p:nvPicPr>
            <p:cNvPr id="363" name="Picture 362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4F520231-93AC-4266-AD17-B923395F409D}"/>
                </a:ext>
              </a:extLst>
            </p:cNvPr>
            <p:cNvPicPr>
              <a:picLocks noChangeAspect="1"/>
            </p:cNvPicPr>
            <p:nvPr/>
          </p:nvPicPr>
          <p:blipFill>
            <a:blip r:embed="rId1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10685" y="4127828"/>
              <a:ext cx="1322216" cy="1322216"/>
            </a:xfrm>
            <a:prstGeom prst="rect">
              <a:avLst/>
            </a:prstGeom>
          </p:spPr>
        </p:pic>
        <p:sp>
          <p:nvSpPr>
            <p:cNvPr id="377" name="TextBox 376">
              <a:hlinkClick r:id="rId14" action="ppaction://hlinksldjump"/>
              <a:extLst>
                <a:ext uri="{FF2B5EF4-FFF2-40B4-BE49-F238E27FC236}">
                  <a16:creationId xmlns="" xmlns:a16="http://schemas.microsoft.com/office/drawing/2014/main" id="{A8765958-2455-40BF-B9D9-9C153CFCE90F}"/>
                </a:ext>
              </a:extLst>
            </p:cNvPr>
            <p:cNvSpPr txBox="1"/>
            <p:nvPr/>
          </p:nvSpPr>
          <p:spPr>
            <a:xfrm>
              <a:off x="399141" y="5553334"/>
              <a:ext cx="2125720" cy="65832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400" b="1" i="0" u="none" strike="noStrike" kern="1200" cap="none" spc="0" normalizeH="0" baseline="0" noProof="0" dirty="0" err="1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rPr>
                <a:t>Klaten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5" name="Group 4">
            <a:extLst>
              <a:ext uri="{FF2B5EF4-FFF2-40B4-BE49-F238E27FC236}">
                <a16:creationId xmlns="" xmlns:a16="http://schemas.microsoft.com/office/drawing/2014/main" id="{360BE57B-7DB0-49BC-B1A4-CF0011F11A14}"/>
              </a:ext>
            </a:extLst>
          </p:cNvPr>
          <p:cNvGrpSpPr/>
          <p:nvPr/>
        </p:nvGrpSpPr>
        <p:grpSpPr>
          <a:xfrm>
            <a:off x="3590333" y="4965669"/>
            <a:ext cx="1840051" cy="2042223"/>
            <a:chOff x="4038686" y="3988223"/>
            <a:chExt cx="2125720" cy="2659996"/>
          </a:xfrm>
        </p:grpSpPr>
        <p:grpSp>
          <p:nvGrpSpPr>
            <p:cNvPr id="378" name="Group 377">
              <a:extLst>
                <a:ext uri="{FF2B5EF4-FFF2-40B4-BE49-F238E27FC236}">
                  <a16:creationId xmlns="" xmlns:a16="http://schemas.microsoft.com/office/drawing/2014/main" id="{10E3961B-018F-4D78-A758-0CC4BD29E143}"/>
                </a:ext>
              </a:extLst>
            </p:cNvPr>
            <p:cNvGrpSpPr/>
            <p:nvPr/>
          </p:nvGrpSpPr>
          <p:grpSpPr>
            <a:xfrm>
              <a:off x="4038686" y="4267061"/>
              <a:ext cx="2125720" cy="2381158"/>
              <a:chOff x="399141" y="4339044"/>
              <a:chExt cx="2125720" cy="2381158"/>
            </a:xfrm>
          </p:grpSpPr>
          <p:sp>
            <p:nvSpPr>
              <p:cNvPr id="379" name="Rectangle: Rounded Corners 378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8DD293C8-9DC4-4557-8264-905DEDF12171}"/>
                  </a:ext>
                </a:extLst>
              </p:cNvPr>
              <p:cNvSpPr/>
              <p:nvPr/>
            </p:nvSpPr>
            <p:spPr>
              <a:xfrm>
                <a:off x="671188" y="4339044"/>
                <a:ext cx="1601210" cy="2381158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1" name="TextBox 380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197D48ED-9480-4C17-82C1-095C04F18882}"/>
                  </a:ext>
                </a:extLst>
              </p:cNvPr>
              <p:cNvSpPr txBox="1"/>
              <p:nvPr/>
            </p:nvSpPr>
            <p:spPr>
              <a:xfrm>
                <a:off x="399141" y="5553334"/>
                <a:ext cx="2125720" cy="60131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400" b="1" i="0" u="none" strike="noStrike" kern="1200" cap="none" spc="0" normalizeH="0" baseline="0" noProof="0" dirty="0">
                    <a:ln>
                      <a:noFill/>
                    </a:ln>
                    <a:solidFill>
                      <a:srgbClr val="010D30"/>
                    </a:solidFill>
                    <a:effectLst/>
                    <a:uLnTx/>
                    <a:uFillTx/>
                    <a:latin typeface="Karla" pitchFamily="2" charset="0"/>
                    <a:ea typeface="+mn-ea"/>
                    <a:cs typeface="+mn-cs"/>
                  </a:rPr>
                  <a:t>Surabaya</a:t>
                </a:r>
              </a:p>
            </p:txBody>
          </p:sp>
        </p:grpSp>
        <p:pic>
          <p:nvPicPr>
            <p:cNvPr id="365" name="Picture 364">
              <a:hlinkClick r:id="rId16" action="ppaction://hlinksldjump"/>
              <a:extLst>
                <a:ext uri="{FF2B5EF4-FFF2-40B4-BE49-F238E27FC236}">
                  <a16:creationId xmlns="" xmlns:a16="http://schemas.microsoft.com/office/drawing/2014/main" id="{96150BE6-7640-4C0E-8AE5-237C2B58AB1D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6372" t="-816" r="44206" b="78796"/>
            <a:stretch/>
          </p:blipFill>
          <p:spPr>
            <a:xfrm>
              <a:off x="4171383" y="3988223"/>
              <a:ext cx="1941559" cy="1470609"/>
            </a:xfrm>
            <a:prstGeom prst="rect">
              <a:avLst/>
            </a:prstGeom>
          </p:spPr>
        </p:pic>
      </p:grpSp>
      <p:grpSp>
        <p:nvGrpSpPr>
          <p:cNvPr id="7" name="Group 6">
            <a:extLst>
              <a:ext uri="{FF2B5EF4-FFF2-40B4-BE49-F238E27FC236}">
                <a16:creationId xmlns="" xmlns:a16="http://schemas.microsoft.com/office/drawing/2014/main" id="{B80AA45B-190D-4948-9CD8-E46C90F6C22B}"/>
              </a:ext>
            </a:extLst>
          </p:cNvPr>
          <p:cNvGrpSpPr/>
          <p:nvPr/>
        </p:nvGrpSpPr>
        <p:grpSpPr>
          <a:xfrm>
            <a:off x="611824" y="7498130"/>
            <a:ext cx="1893875" cy="1866648"/>
            <a:chOff x="371193" y="6901045"/>
            <a:chExt cx="2125720" cy="2661793"/>
          </a:xfrm>
        </p:grpSpPr>
        <p:grpSp>
          <p:nvGrpSpPr>
            <p:cNvPr id="382" name="Group 381">
              <a:extLst>
                <a:ext uri="{FF2B5EF4-FFF2-40B4-BE49-F238E27FC236}">
                  <a16:creationId xmlns="" xmlns:a16="http://schemas.microsoft.com/office/drawing/2014/main" id="{68D79071-568C-4D2E-A1F3-395F799DB6DB}"/>
                </a:ext>
              </a:extLst>
            </p:cNvPr>
            <p:cNvGrpSpPr/>
            <p:nvPr/>
          </p:nvGrpSpPr>
          <p:grpSpPr>
            <a:xfrm>
              <a:off x="371193" y="7181680"/>
              <a:ext cx="2125720" cy="2381158"/>
              <a:chOff x="399141" y="4339044"/>
              <a:chExt cx="2125720" cy="2381158"/>
            </a:xfrm>
          </p:grpSpPr>
          <p:sp>
            <p:nvSpPr>
              <p:cNvPr id="383" name="Rectangle: Rounded Corners 382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853829D0-0B77-42E1-8C71-AE931376A485}"/>
                  </a:ext>
                </a:extLst>
              </p:cNvPr>
              <p:cNvSpPr/>
              <p:nvPr/>
            </p:nvSpPr>
            <p:spPr>
              <a:xfrm>
                <a:off x="671188" y="4339044"/>
                <a:ext cx="1601210" cy="2381158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D92F8869-C9E2-475A-BFD9-E5C3E35D33FF}"/>
                  </a:ext>
                </a:extLst>
              </p:cNvPr>
              <p:cNvSpPr txBox="1"/>
              <p:nvPr/>
            </p:nvSpPr>
            <p:spPr>
              <a:xfrm>
                <a:off x="399141" y="5553334"/>
                <a:ext cx="2125720" cy="65832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400" b="1" i="0" u="none" strike="noStrike" kern="1200" cap="none" spc="0" normalizeH="0" baseline="0" noProof="0" dirty="0">
                    <a:ln>
                      <a:noFill/>
                    </a:ln>
                    <a:solidFill>
                      <a:srgbClr val="010D30"/>
                    </a:solidFill>
                    <a:effectLst/>
                    <a:uLnTx/>
                    <a:uFillTx/>
                    <a:latin typeface="Karla" pitchFamily="2" charset="0"/>
                    <a:ea typeface="+mn-ea"/>
                    <a:cs typeface="+mn-cs"/>
                  </a:rPr>
                  <a:t>PT Virgo</a:t>
                </a:r>
              </a:p>
            </p:txBody>
          </p:sp>
        </p:grpSp>
        <p:pic>
          <p:nvPicPr>
            <p:cNvPr id="367" name="Picture 366">
              <a:hlinkClick r:id="rId16" action="ppaction://hlinksldjump"/>
              <a:extLst>
                <a:ext uri="{FF2B5EF4-FFF2-40B4-BE49-F238E27FC236}">
                  <a16:creationId xmlns="" xmlns:a16="http://schemas.microsoft.com/office/drawing/2014/main" id="{E8FAB2C4-BA75-495A-B382-B05158A927FD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-1132" t="24807" r="61093" b="36464"/>
            <a:stretch/>
          </p:blipFill>
          <p:spPr>
            <a:xfrm>
              <a:off x="678110" y="6901045"/>
              <a:ext cx="1532683" cy="1500351"/>
            </a:xfrm>
            <a:prstGeom prst="rect">
              <a:avLst/>
            </a:prstGeom>
          </p:spPr>
        </p:pic>
      </p:grpSp>
      <p:grpSp>
        <p:nvGrpSpPr>
          <p:cNvPr id="6" name="Group 5">
            <a:extLst>
              <a:ext uri="{FF2B5EF4-FFF2-40B4-BE49-F238E27FC236}">
                <a16:creationId xmlns="" xmlns:a16="http://schemas.microsoft.com/office/drawing/2014/main" id="{12B07F57-7EFA-4256-9B81-1ECE9CD4890A}"/>
              </a:ext>
            </a:extLst>
          </p:cNvPr>
          <p:cNvGrpSpPr/>
          <p:nvPr/>
        </p:nvGrpSpPr>
        <p:grpSpPr>
          <a:xfrm>
            <a:off x="3644460" y="7342017"/>
            <a:ext cx="1783282" cy="2019580"/>
            <a:chOff x="4075395" y="6879888"/>
            <a:chExt cx="2139094" cy="2781358"/>
          </a:xfrm>
        </p:grpSpPr>
        <p:grpSp>
          <p:nvGrpSpPr>
            <p:cNvPr id="386" name="Group 385">
              <a:extLst>
                <a:ext uri="{FF2B5EF4-FFF2-40B4-BE49-F238E27FC236}">
                  <a16:creationId xmlns="" xmlns:a16="http://schemas.microsoft.com/office/drawing/2014/main" id="{922749C9-7770-427F-982F-ED8E603DB74E}"/>
                </a:ext>
              </a:extLst>
            </p:cNvPr>
            <p:cNvGrpSpPr/>
            <p:nvPr/>
          </p:nvGrpSpPr>
          <p:grpSpPr>
            <a:xfrm>
              <a:off x="4075395" y="7280088"/>
              <a:ext cx="2125720" cy="2381158"/>
              <a:chOff x="399141" y="4339044"/>
              <a:chExt cx="2125720" cy="2381158"/>
            </a:xfrm>
          </p:grpSpPr>
          <p:sp>
            <p:nvSpPr>
              <p:cNvPr id="387" name="Rectangle: Rounded Corners 386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FA8AA17E-69B8-4C8D-9047-71C5884A900F}"/>
                  </a:ext>
                </a:extLst>
              </p:cNvPr>
              <p:cNvSpPr/>
              <p:nvPr/>
            </p:nvSpPr>
            <p:spPr>
              <a:xfrm>
                <a:off x="671188" y="4339044"/>
                <a:ext cx="1601210" cy="2381158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8" name="TextBox 387">
                <a:hlinkClick r:id="rId16" action="ppaction://hlinksldjump"/>
                <a:extLst>
                  <a:ext uri="{FF2B5EF4-FFF2-40B4-BE49-F238E27FC236}">
                    <a16:creationId xmlns="" xmlns:a16="http://schemas.microsoft.com/office/drawing/2014/main" id="{D949C376-07D8-4B5F-AA79-7EC18C3EE7CC}"/>
                  </a:ext>
                </a:extLst>
              </p:cNvPr>
              <p:cNvSpPr txBox="1"/>
              <p:nvPr/>
            </p:nvSpPr>
            <p:spPr>
              <a:xfrm>
                <a:off x="399141" y="5553334"/>
                <a:ext cx="2125720" cy="72057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800" b="1" i="0" u="none" strike="noStrike" kern="1200" cap="none" spc="0" normalizeH="0" baseline="0" noProof="0" dirty="0">
                    <a:ln>
                      <a:noFill/>
                    </a:ln>
                    <a:solidFill>
                      <a:srgbClr val="010D30"/>
                    </a:solidFill>
                    <a:effectLst/>
                    <a:uLnTx/>
                    <a:uFillTx/>
                    <a:latin typeface="Karla" pitchFamily="2" charset="0"/>
                    <a:ea typeface="+mn-ea"/>
                    <a:cs typeface="+mn-cs"/>
                  </a:rPr>
                  <a:t>Jakarta</a:t>
                </a:r>
              </a:p>
            </p:txBody>
          </p:sp>
        </p:grpSp>
        <p:pic>
          <p:nvPicPr>
            <p:cNvPr id="369" name="Picture 368">
              <a:hlinkClick r:id="rId16" action="ppaction://hlinksldjump"/>
              <a:extLst>
                <a:ext uri="{FF2B5EF4-FFF2-40B4-BE49-F238E27FC236}">
                  <a16:creationId xmlns="" xmlns:a16="http://schemas.microsoft.com/office/drawing/2014/main" id="{3F5794F9-682C-43D8-A872-E5F2850C22BC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711" t="72728" r="60679" b="-1945"/>
            <a:stretch/>
          </p:blipFill>
          <p:spPr>
            <a:xfrm>
              <a:off x="4127496" y="6879888"/>
              <a:ext cx="2086993" cy="1598361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070094179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="" xmlns:a16="http://schemas.microsoft.com/office/drawing/2014/main" id="{072A5AF0-4837-973E-AF87-BAC25ABCDCD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67" name="Group 166">
            <a:extLst>
              <a:ext uri="{FF2B5EF4-FFF2-40B4-BE49-F238E27FC236}">
                <a16:creationId xmlns="" xmlns:a16="http://schemas.microsoft.com/office/drawing/2014/main" id="{CB679134-5D6D-615D-7BA2-98C2B3FD252D}"/>
              </a:ext>
            </a:extLst>
          </p:cNvPr>
          <p:cNvGrpSpPr/>
          <p:nvPr/>
        </p:nvGrpSpPr>
        <p:grpSpPr>
          <a:xfrm>
            <a:off x="345863" y="429086"/>
            <a:ext cx="6163002" cy="9162644"/>
            <a:chOff x="379208" y="1296506"/>
            <a:chExt cx="6163002" cy="9162644"/>
          </a:xfrm>
        </p:grpSpPr>
        <p:grpSp>
          <p:nvGrpSpPr>
            <p:cNvPr id="168" name="Group 167">
              <a:extLst>
                <a:ext uri="{FF2B5EF4-FFF2-40B4-BE49-F238E27FC236}">
                  <a16:creationId xmlns="" xmlns:a16="http://schemas.microsoft.com/office/drawing/2014/main" id="{0972E0E2-E666-0D26-33CB-083B073A24E7}"/>
                </a:ext>
              </a:extLst>
            </p:cNvPr>
            <p:cNvGrpSpPr/>
            <p:nvPr/>
          </p:nvGrpSpPr>
          <p:grpSpPr>
            <a:xfrm>
              <a:off x="442627" y="4461492"/>
              <a:ext cx="6099583" cy="2766775"/>
              <a:chOff x="419264" y="5162164"/>
              <a:chExt cx="5777642" cy="2620742"/>
            </a:xfrm>
          </p:grpSpPr>
          <p:sp>
            <p:nvSpPr>
              <p:cNvPr id="325" name="Freeform: Shape 324">
                <a:extLst>
                  <a:ext uri="{FF2B5EF4-FFF2-40B4-BE49-F238E27FC236}">
                    <a16:creationId xmlns="" xmlns:a16="http://schemas.microsoft.com/office/drawing/2014/main" id="{28E392A4-9418-40DD-D64F-EA3AD1870814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6" name="Freeform: Shape 325">
                <a:extLst>
                  <a:ext uri="{FF2B5EF4-FFF2-40B4-BE49-F238E27FC236}">
                    <a16:creationId xmlns="" xmlns:a16="http://schemas.microsoft.com/office/drawing/2014/main" id="{71528200-9514-DCCC-1D4C-D7FB09029ECF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7" name="Freeform: Shape 326">
                <a:extLst>
                  <a:ext uri="{FF2B5EF4-FFF2-40B4-BE49-F238E27FC236}">
                    <a16:creationId xmlns="" xmlns:a16="http://schemas.microsoft.com/office/drawing/2014/main" id="{8CC8DC52-73FF-A123-C1BE-ADAF3C07E752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8" name="Freeform: Shape 327">
                <a:extLst>
                  <a:ext uri="{FF2B5EF4-FFF2-40B4-BE49-F238E27FC236}">
                    <a16:creationId xmlns="" xmlns:a16="http://schemas.microsoft.com/office/drawing/2014/main" id="{03B1908B-796D-EE8C-95CC-269DC04AA46E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9" name="Freeform: Shape 328">
                <a:extLst>
                  <a:ext uri="{FF2B5EF4-FFF2-40B4-BE49-F238E27FC236}">
                    <a16:creationId xmlns="" xmlns:a16="http://schemas.microsoft.com/office/drawing/2014/main" id="{63D6F01D-0E24-2683-3DB0-8C34C580793C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0" name="Freeform: Shape 329">
                <a:extLst>
                  <a:ext uri="{FF2B5EF4-FFF2-40B4-BE49-F238E27FC236}">
                    <a16:creationId xmlns="" xmlns:a16="http://schemas.microsoft.com/office/drawing/2014/main" id="{5A29F85A-23EE-BDF0-10AB-7D8AC52E3AB5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1" name="Freeform: Shape 330">
                <a:extLst>
                  <a:ext uri="{FF2B5EF4-FFF2-40B4-BE49-F238E27FC236}">
                    <a16:creationId xmlns="" xmlns:a16="http://schemas.microsoft.com/office/drawing/2014/main" id="{26CE9C22-8E78-57D9-F1D4-5B837CD68AD4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2" name="Freeform: Shape 331">
                <a:extLst>
                  <a:ext uri="{FF2B5EF4-FFF2-40B4-BE49-F238E27FC236}">
                    <a16:creationId xmlns="" xmlns:a16="http://schemas.microsoft.com/office/drawing/2014/main" id="{BA970CF0-0963-AAD6-0BCA-4474B24BACB8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3" name="Freeform: Shape 332">
                <a:extLst>
                  <a:ext uri="{FF2B5EF4-FFF2-40B4-BE49-F238E27FC236}">
                    <a16:creationId xmlns="" xmlns:a16="http://schemas.microsoft.com/office/drawing/2014/main" id="{2DC5D79E-C035-7574-0DE1-314924F2C4F9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4" name="Freeform: Shape 333">
                <a:extLst>
                  <a:ext uri="{FF2B5EF4-FFF2-40B4-BE49-F238E27FC236}">
                    <a16:creationId xmlns="" xmlns:a16="http://schemas.microsoft.com/office/drawing/2014/main" id="{5C019A58-E4AE-056D-37FE-95689FF96C4A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5" name="Freeform: Shape 334">
                <a:extLst>
                  <a:ext uri="{FF2B5EF4-FFF2-40B4-BE49-F238E27FC236}">
                    <a16:creationId xmlns="" xmlns:a16="http://schemas.microsoft.com/office/drawing/2014/main" id="{09C887FE-D9D2-90D3-AC1D-1983752475C3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6" name="Freeform: Shape 335">
                <a:extLst>
                  <a:ext uri="{FF2B5EF4-FFF2-40B4-BE49-F238E27FC236}">
                    <a16:creationId xmlns="" xmlns:a16="http://schemas.microsoft.com/office/drawing/2014/main" id="{52B21C22-9777-718A-EA56-D83DA0AC98A6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7" name="Freeform: Shape 336">
                <a:extLst>
                  <a:ext uri="{FF2B5EF4-FFF2-40B4-BE49-F238E27FC236}">
                    <a16:creationId xmlns="" xmlns:a16="http://schemas.microsoft.com/office/drawing/2014/main" id="{FEB67684-C273-FBE4-D621-BD07ED12101E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8" name="Freeform: Shape 337">
                <a:extLst>
                  <a:ext uri="{FF2B5EF4-FFF2-40B4-BE49-F238E27FC236}">
                    <a16:creationId xmlns="" xmlns:a16="http://schemas.microsoft.com/office/drawing/2014/main" id="{91441A91-0428-D812-698C-4DC389730FBD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39" name="Freeform: Shape 338">
                <a:extLst>
                  <a:ext uri="{FF2B5EF4-FFF2-40B4-BE49-F238E27FC236}">
                    <a16:creationId xmlns="" xmlns:a16="http://schemas.microsoft.com/office/drawing/2014/main" id="{6313DB9C-1519-2A9E-4A38-79C65983959F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0" name="Freeform: Shape 339">
                <a:extLst>
                  <a:ext uri="{FF2B5EF4-FFF2-40B4-BE49-F238E27FC236}">
                    <a16:creationId xmlns="" xmlns:a16="http://schemas.microsoft.com/office/drawing/2014/main" id="{2699A815-CBFB-5BE1-0068-4D3F3897E161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1" name="Freeform: Shape 340">
                <a:extLst>
                  <a:ext uri="{FF2B5EF4-FFF2-40B4-BE49-F238E27FC236}">
                    <a16:creationId xmlns="" xmlns:a16="http://schemas.microsoft.com/office/drawing/2014/main" id="{BF3E3E52-2A57-95AE-F51A-C1588FDE0F15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2" name="Freeform: Shape 341">
                <a:extLst>
                  <a:ext uri="{FF2B5EF4-FFF2-40B4-BE49-F238E27FC236}">
                    <a16:creationId xmlns="" xmlns:a16="http://schemas.microsoft.com/office/drawing/2014/main" id="{5A8CEE45-F352-B4AC-9B84-2F3E78AF99F2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3" name="Freeform: Shape 342">
                <a:extLst>
                  <a:ext uri="{FF2B5EF4-FFF2-40B4-BE49-F238E27FC236}">
                    <a16:creationId xmlns="" xmlns:a16="http://schemas.microsoft.com/office/drawing/2014/main" id="{760D79DF-D2B1-D452-8653-754AEB53FEBA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4" name="Freeform: Shape 343">
                <a:extLst>
                  <a:ext uri="{FF2B5EF4-FFF2-40B4-BE49-F238E27FC236}">
                    <a16:creationId xmlns="" xmlns:a16="http://schemas.microsoft.com/office/drawing/2014/main" id="{A27870DD-1097-9158-005F-4C4357A84332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5" name="Freeform: Shape 344">
                <a:extLst>
                  <a:ext uri="{FF2B5EF4-FFF2-40B4-BE49-F238E27FC236}">
                    <a16:creationId xmlns="" xmlns:a16="http://schemas.microsoft.com/office/drawing/2014/main" id="{EEFCED40-0AC8-6C9A-F0B7-98723A2448DE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6" name="Freeform: Shape 345">
                <a:extLst>
                  <a:ext uri="{FF2B5EF4-FFF2-40B4-BE49-F238E27FC236}">
                    <a16:creationId xmlns="" xmlns:a16="http://schemas.microsoft.com/office/drawing/2014/main" id="{BB911E38-0E69-D18C-9149-3CCAC0B2CC57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7" name="Freeform: Shape 346">
                <a:extLst>
                  <a:ext uri="{FF2B5EF4-FFF2-40B4-BE49-F238E27FC236}">
                    <a16:creationId xmlns="" xmlns:a16="http://schemas.microsoft.com/office/drawing/2014/main" id="{654E2A05-EBEE-8265-B38E-7B5B942FD7CF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8" name="Freeform: Shape 347">
                <a:extLst>
                  <a:ext uri="{FF2B5EF4-FFF2-40B4-BE49-F238E27FC236}">
                    <a16:creationId xmlns="" xmlns:a16="http://schemas.microsoft.com/office/drawing/2014/main" id="{10258BA3-F618-9E33-DDFD-F831F68DB2C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49" name="Freeform: Shape 348">
                <a:extLst>
                  <a:ext uri="{FF2B5EF4-FFF2-40B4-BE49-F238E27FC236}">
                    <a16:creationId xmlns="" xmlns:a16="http://schemas.microsoft.com/office/drawing/2014/main" id="{8FAF592B-4920-1B0B-9EC0-4DAF6D5AA6D2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0" name="Freeform: Shape 349">
                <a:extLst>
                  <a:ext uri="{FF2B5EF4-FFF2-40B4-BE49-F238E27FC236}">
                    <a16:creationId xmlns="" xmlns:a16="http://schemas.microsoft.com/office/drawing/2014/main" id="{6DE2AB3A-C5A3-EC8E-C924-D5D4C70659EE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1" name="Freeform: Shape 350">
                <a:extLst>
                  <a:ext uri="{FF2B5EF4-FFF2-40B4-BE49-F238E27FC236}">
                    <a16:creationId xmlns="" xmlns:a16="http://schemas.microsoft.com/office/drawing/2014/main" id="{08E4FF92-390A-1630-871D-09E13A9452B1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2" name="Freeform: Shape 351">
                <a:extLst>
                  <a:ext uri="{FF2B5EF4-FFF2-40B4-BE49-F238E27FC236}">
                    <a16:creationId xmlns="" xmlns:a16="http://schemas.microsoft.com/office/drawing/2014/main" id="{5D2D601F-B5AE-AD3D-1510-192E5572AD60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3" name="Freeform: Shape 352">
                <a:extLst>
                  <a:ext uri="{FF2B5EF4-FFF2-40B4-BE49-F238E27FC236}">
                    <a16:creationId xmlns="" xmlns:a16="http://schemas.microsoft.com/office/drawing/2014/main" id="{95E7FCBB-1F5C-2B4E-019F-55B5D983313C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4" name="Freeform: Shape 353">
                <a:extLst>
                  <a:ext uri="{FF2B5EF4-FFF2-40B4-BE49-F238E27FC236}">
                    <a16:creationId xmlns="" xmlns:a16="http://schemas.microsoft.com/office/drawing/2014/main" id="{40B0BBE8-86D2-3281-D4ED-E2C62179EB2E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5" name="Freeform: Shape 354">
                <a:extLst>
                  <a:ext uri="{FF2B5EF4-FFF2-40B4-BE49-F238E27FC236}">
                    <a16:creationId xmlns="" xmlns:a16="http://schemas.microsoft.com/office/drawing/2014/main" id="{8579B1DE-964F-8276-3751-8BDB289AA509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6" name="Freeform: Shape 355">
                <a:extLst>
                  <a:ext uri="{FF2B5EF4-FFF2-40B4-BE49-F238E27FC236}">
                    <a16:creationId xmlns="" xmlns:a16="http://schemas.microsoft.com/office/drawing/2014/main" id="{B41AAD9C-A139-AC1B-3E79-2BF36DF8DBE0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57" name="Freeform: Shape 356">
                <a:extLst>
                  <a:ext uri="{FF2B5EF4-FFF2-40B4-BE49-F238E27FC236}">
                    <a16:creationId xmlns="" xmlns:a16="http://schemas.microsoft.com/office/drawing/2014/main" id="{2BE4D8EF-B3B6-AC0B-C89E-C21E8A087AE4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69" name="Group 168">
              <a:extLst>
                <a:ext uri="{FF2B5EF4-FFF2-40B4-BE49-F238E27FC236}">
                  <a16:creationId xmlns="" xmlns:a16="http://schemas.microsoft.com/office/drawing/2014/main" id="{878D7100-0C5E-4BFB-BDFD-52BC14EC1BC5}"/>
                </a:ext>
              </a:extLst>
            </p:cNvPr>
            <p:cNvGrpSpPr/>
            <p:nvPr/>
          </p:nvGrpSpPr>
          <p:grpSpPr>
            <a:xfrm>
              <a:off x="421196" y="1296506"/>
              <a:ext cx="6099583" cy="2766775"/>
              <a:chOff x="419264" y="5162164"/>
              <a:chExt cx="5777642" cy="2620742"/>
            </a:xfrm>
          </p:grpSpPr>
          <p:sp>
            <p:nvSpPr>
              <p:cNvPr id="204" name="Freeform: Shape 203">
                <a:extLst>
                  <a:ext uri="{FF2B5EF4-FFF2-40B4-BE49-F238E27FC236}">
                    <a16:creationId xmlns="" xmlns:a16="http://schemas.microsoft.com/office/drawing/2014/main" id="{9A5BB9FB-6A2C-E5E8-244F-9C5FF884F3A9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5" name="Freeform: Shape 204">
                <a:extLst>
                  <a:ext uri="{FF2B5EF4-FFF2-40B4-BE49-F238E27FC236}">
                    <a16:creationId xmlns="" xmlns:a16="http://schemas.microsoft.com/office/drawing/2014/main" id="{53C4AEAE-66DA-667D-5FF1-EE9B7DA172CE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6" name="Freeform: Shape 205">
                <a:extLst>
                  <a:ext uri="{FF2B5EF4-FFF2-40B4-BE49-F238E27FC236}">
                    <a16:creationId xmlns="" xmlns:a16="http://schemas.microsoft.com/office/drawing/2014/main" id="{2C965262-0DBB-0701-C195-532F20B49040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7" name="Freeform: Shape 206">
                <a:extLst>
                  <a:ext uri="{FF2B5EF4-FFF2-40B4-BE49-F238E27FC236}">
                    <a16:creationId xmlns="" xmlns:a16="http://schemas.microsoft.com/office/drawing/2014/main" id="{E1DEAC8D-2C87-8FD3-533D-C6E277B13688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8" name="Freeform: Shape 207">
                <a:extLst>
                  <a:ext uri="{FF2B5EF4-FFF2-40B4-BE49-F238E27FC236}">
                    <a16:creationId xmlns="" xmlns:a16="http://schemas.microsoft.com/office/drawing/2014/main" id="{506696F8-698A-C81E-AA37-8D2907ECA742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0" name="Freeform: Shape 209">
                <a:extLst>
                  <a:ext uri="{FF2B5EF4-FFF2-40B4-BE49-F238E27FC236}">
                    <a16:creationId xmlns="" xmlns:a16="http://schemas.microsoft.com/office/drawing/2014/main" id="{E0394E49-3377-7539-5ECB-8BC1EE0AB073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1" name="Freeform: Shape 210">
                <a:extLst>
                  <a:ext uri="{FF2B5EF4-FFF2-40B4-BE49-F238E27FC236}">
                    <a16:creationId xmlns="" xmlns:a16="http://schemas.microsoft.com/office/drawing/2014/main" id="{7F484B28-EB75-44CE-E5BD-919DAE25CEBB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2" name="Freeform: Shape 211">
                <a:extLst>
                  <a:ext uri="{FF2B5EF4-FFF2-40B4-BE49-F238E27FC236}">
                    <a16:creationId xmlns="" xmlns:a16="http://schemas.microsoft.com/office/drawing/2014/main" id="{6C19F6F0-8CE8-54CC-258F-9A7761F81C59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3" name="Freeform: Shape 212">
                <a:extLst>
                  <a:ext uri="{FF2B5EF4-FFF2-40B4-BE49-F238E27FC236}">
                    <a16:creationId xmlns="" xmlns:a16="http://schemas.microsoft.com/office/drawing/2014/main" id="{76DF2A21-3003-C0FF-8EE6-6B907C7DC1C5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4" name="Freeform: Shape 213">
                <a:extLst>
                  <a:ext uri="{FF2B5EF4-FFF2-40B4-BE49-F238E27FC236}">
                    <a16:creationId xmlns="" xmlns:a16="http://schemas.microsoft.com/office/drawing/2014/main" id="{00C9CCD7-2990-A683-69B6-7AAA77297F4B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15" name="Freeform: Shape 214">
                <a:extLst>
                  <a:ext uri="{FF2B5EF4-FFF2-40B4-BE49-F238E27FC236}">
                    <a16:creationId xmlns="" xmlns:a16="http://schemas.microsoft.com/office/drawing/2014/main" id="{9C7590B1-D24E-E1F6-763A-0AE84435E1E3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98" name="Freeform: Shape 297">
                <a:extLst>
                  <a:ext uri="{FF2B5EF4-FFF2-40B4-BE49-F238E27FC236}">
                    <a16:creationId xmlns="" xmlns:a16="http://schemas.microsoft.com/office/drawing/2014/main" id="{A0ED6A06-5BBF-1DA3-7DF5-A372B1956BEC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4" name="Freeform: Shape 303">
                <a:extLst>
                  <a:ext uri="{FF2B5EF4-FFF2-40B4-BE49-F238E27FC236}">
                    <a16:creationId xmlns="" xmlns:a16="http://schemas.microsoft.com/office/drawing/2014/main" id="{F867CDF8-E33C-DE06-0A77-D3163463E189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5" name="Freeform: Shape 304">
                <a:extLst>
                  <a:ext uri="{FF2B5EF4-FFF2-40B4-BE49-F238E27FC236}">
                    <a16:creationId xmlns="" xmlns:a16="http://schemas.microsoft.com/office/drawing/2014/main" id="{81A871E7-39BA-0D4E-0EE1-3C127A6E8508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6" name="Freeform: Shape 305">
                <a:extLst>
                  <a:ext uri="{FF2B5EF4-FFF2-40B4-BE49-F238E27FC236}">
                    <a16:creationId xmlns="" xmlns:a16="http://schemas.microsoft.com/office/drawing/2014/main" id="{CD4489AA-645F-17E2-FDED-B750982EA623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7" name="Freeform: Shape 306">
                <a:extLst>
                  <a:ext uri="{FF2B5EF4-FFF2-40B4-BE49-F238E27FC236}">
                    <a16:creationId xmlns="" xmlns:a16="http://schemas.microsoft.com/office/drawing/2014/main" id="{9344EFED-658A-2F77-443A-AB89946A1621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8" name="Freeform: Shape 307">
                <a:extLst>
                  <a:ext uri="{FF2B5EF4-FFF2-40B4-BE49-F238E27FC236}">
                    <a16:creationId xmlns="" xmlns:a16="http://schemas.microsoft.com/office/drawing/2014/main" id="{4C29ECA5-F624-136C-3E98-381D00A42A9E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09" name="Freeform: Shape 308">
                <a:extLst>
                  <a:ext uri="{FF2B5EF4-FFF2-40B4-BE49-F238E27FC236}">
                    <a16:creationId xmlns="" xmlns:a16="http://schemas.microsoft.com/office/drawing/2014/main" id="{7D98A235-6F7D-6DAA-951C-3C2EF86C4FBF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0" name="Freeform: Shape 309">
                <a:extLst>
                  <a:ext uri="{FF2B5EF4-FFF2-40B4-BE49-F238E27FC236}">
                    <a16:creationId xmlns="" xmlns:a16="http://schemas.microsoft.com/office/drawing/2014/main" id="{87C8F03C-674A-1D43-1570-F059953E8521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1" name="Freeform: Shape 310">
                <a:extLst>
                  <a:ext uri="{FF2B5EF4-FFF2-40B4-BE49-F238E27FC236}">
                    <a16:creationId xmlns="" xmlns:a16="http://schemas.microsoft.com/office/drawing/2014/main" id="{30FF7262-33A1-BBC8-4AA3-5E830C776E9A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2" name="Freeform: Shape 311">
                <a:extLst>
                  <a:ext uri="{FF2B5EF4-FFF2-40B4-BE49-F238E27FC236}">
                    <a16:creationId xmlns="" xmlns:a16="http://schemas.microsoft.com/office/drawing/2014/main" id="{A876C5E1-0847-7346-3DE5-E8502EA8AC2D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3" name="Freeform: Shape 312">
                <a:extLst>
                  <a:ext uri="{FF2B5EF4-FFF2-40B4-BE49-F238E27FC236}">
                    <a16:creationId xmlns="" xmlns:a16="http://schemas.microsoft.com/office/drawing/2014/main" id="{A1ED764F-CDD7-9F81-D4F1-E4764381E5DB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4" name="Freeform: Shape 313">
                <a:extLst>
                  <a:ext uri="{FF2B5EF4-FFF2-40B4-BE49-F238E27FC236}">
                    <a16:creationId xmlns="" xmlns:a16="http://schemas.microsoft.com/office/drawing/2014/main" id="{E770646B-2191-64E6-0BE2-3822F3126D4E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5" name="Freeform: Shape 314">
                <a:extLst>
                  <a:ext uri="{FF2B5EF4-FFF2-40B4-BE49-F238E27FC236}">
                    <a16:creationId xmlns="" xmlns:a16="http://schemas.microsoft.com/office/drawing/2014/main" id="{7EDEF26A-7442-400C-B485-8869B2DB0D2E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6" name="Freeform: Shape 315">
                <a:extLst>
                  <a:ext uri="{FF2B5EF4-FFF2-40B4-BE49-F238E27FC236}">
                    <a16:creationId xmlns="" xmlns:a16="http://schemas.microsoft.com/office/drawing/2014/main" id="{0BE5A68C-E750-CA3F-EE2D-D126E3868C22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7" name="Freeform: Shape 316">
                <a:extLst>
                  <a:ext uri="{FF2B5EF4-FFF2-40B4-BE49-F238E27FC236}">
                    <a16:creationId xmlns="" xmlns:a16="http://schemas.microsoft.com/office/drawing/2014/main" id="{4E999B0D-44FE-5938-F950-1568306E52EC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8" name="Freeform: Shape 317">
                <a:extLst>
                  <a:ext uri="{FF2B5EF4-FFF2-40B4-BE49-F238E27FC236}">
                    <a16:creationId xmlns="" xmlns:a16="http://schemas.microsoft.com/office/drawing/2014/main" id="{57B8E17C-4EEB-4F55-1AD2-4D9D942BAA73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19" name="Freeform: Shape 318">
                <a:extLst>
                  <a:ext uri="{FF2B5EF4-FFF2-40B4-BE49-F238E27FC236}">
                    <a16:creationId xmlns="" xmlns:a16="http://schemas.microsoft.com/office/drawing/2014/main" id="{653EC494-B3CE-C1D5-E0FC-BEFDE78F5854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0" name="Freeform: Shape 319">
                <a:extLst>
                  <a:ext uri="{FF2B5EF4-FFF2-40B4-BE49-F238E27FC236}">
                    <a16:creationId xmlns="" xmlns:a16="http://schemas.microsoft.com/office/drawing/2014/main" id="{613C2EB7-A3EE-338D-A5DB-1AEFB8D61A0E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1" name="Freeform: Shape 320">
                <a:extLst>
                  <a:ext uri="{FF2B5EF4-FFF2-40B4-BE49-F238E27FC236}">
                    <a16:creationId xmlns="" xmlns:a16="http://schemas.microsoft.com/office/drawing/2014/main" id="{3DC9F1A3-7A4A-09B2-290D-DF69AFC0CC0F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2" name="Freeform: Shape 321">
                <a:extLst>
                  <a:ext uri="{FF2B5EF4-FFF2-40B4-BE49-F238E27FC236}">
                    <a16:creationId xmlns="" xmlns:a16="http://schemas.microsoft.com/office/drawing/2014/main" id="{3E678FF5-39DA-664D-454E-7F0074BDFF01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3" name="Freeform: Shape 322">
                <a:extLst>
                  <a:ext uri="{FF2B5EF4-FFF2-40B4-BE49-F238E27FC236}">
                    <a16:creationId xmlns="" xmlns:a16="http://schemas.microsoft.com/office/drawing/2014/main" id="{EBAC41F9-001F-8F3D-ABAD-A10D4304B66B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324" name="Freeform: Shape 323">
                <a:extLst>
                  <a:ext uri="{FF2B5EF4-FFF2-40B4-BE49-F238E27FC236}">
                    <a16:creationId xmlns="" xmlns:a16="http://schemas.microsoft.com/office/drawing/2014/main" id="{E317984E-0873-B539-BE07-ABF4C823C812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170" name="Group 169">
              <a:extLst>
                <a:ext uri="{FF2B5EF4-FFF2-40B4-BE49-F238E27FC236}">
                  <a16:creationId xmlns="" xmlns:a16="http://schemas.microsoft.com/office/drawing/2014/main" id="{67600A5D-0EDF-260D-7FE6-D9709005BD7F}"/>
                </a:ext>
              </a:extLst>
            </p:cNvPr>
            <p:cNvGrpSpPr/>
            <p:nvPr/>
          </p:nvGrpSpPr>
          <p:grpSpPr>
            <a:xfrm>
              <a:off x="379208" y="7692375"/>
              <a:ext cx="6099583" cy="2766775"/>
              <a:chOff x="419264" y="5162164"/>
              <a:chExt cx="5777642" cy="2620742"/>
            </a:xfrm>
          </p:grpSpPr>
          <p:sp>
            <p:nvSpPr>
              <p:cNvPr id="171" name="Freeform: Shape 170">
                <a:extLst>
                  <a:ext uri="{FF2B5EF4-FFF2-40B4-BE49-F238E27FC236}">
                    <a16:creationId xmlns="" xmlns:a16="http://schemas.microsoft.com/office/drawing/2014/main" id="{072569A0-EFA1-B478-F1DE-8B6E9920664F}"/>
                  </a:ext>
                </a:extLst>
              </p:cNvPr>
              <p:cNvSpPr/>
              <p:nvPr/>
            </p:nvSpPr>
            <p:spPr>
              <a:xfrm>
                <a:off x="918950" y="564801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2" name="Freeform: Shape 171">
                <a:extLst>
                  <a:ext uri="{FF2B5EF4-FFF2-40B4-BE49-F238E27FC236}">
                    <a16:creationId xmlns="" xmlns:a16="http://schemas.microsoft.com/office/drawing/2014/main" id="{301AB68B-EB54-38E4-FCED-70EE04767914}"/>
                  </a:ext>
                </a:extLst>
              </p:cNvPr>
              <p:cNvSpPr/>
              <p:nvPr/>
            </p:nvSpPr>
            <p:spPr>
              <a:xfrm>
                <a:off x="3419109" y="5888197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3" name="Freeform: Shape 172">
                <a:extLst>
                  <a:ext uri="{FF2B5EF4-FFF2-40B4-BE49-F238E27FC236}">
                    <a16:creationId xmlns="" xmlns:a16="http://schemas.microsoft.com/office/drawing/2014/main" id="{7389E611-99A3-5295-3A90-425B40D11426}"/>
                  </a:ext>
                </a:extLst>
              </p:cNvPr>
              <p:cNvSpPr/>
              <p:nvPr/>
            </p:nvSpPr>
            <p:spPr>
              <a:xfrm>
                <a:off x="5597208" y="622382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4" name="Freeform: Shape 173">
                <a:extLst>
                  <a:ext uri="{FF2B5EF4-FFF2-40B4-BE49-F238E27FC236}">
                    <a16:creationId xmlns="" xmlns:a16="http://schemas.microsoft.com/office/drawing/2014/main" id="{CB7ED1C6-C1BE-402F-CBC8-05CBB91F270B}"/>
                  </a:ext>
                </a:extLst>
              </p:cNvPr>
              <p:cNvSpPr/>
              <p:nvPr/>
            </p:nvSpPr>
            <p:spPr>
              <a:xfrm>
                <a:off x="4249045" y="5913505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5" name="Freeform: Shape 174">
                <a:extLst>
                  <a:ext uri="{FF2B5EF4-FFF2-40B4-BE49-F238E27FC236}">
                    <a16:creationId xmlns="" xmlns:a16="http://schemas.microsoft.com/office/drawing/2014/main" id="{C56E318B-0963-52F3-0F49-34AA3D485AD2}"/>
                  </a:ext>
                </a:extLst>
              </p:cNvPr>
              <p:cNvSpPr/>
              <p:nvPr/>
            </p:nvSpPr>
            <p:spPr>
              <a:xfrm>
                <a:off x="2076123" y="5841033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6" name="Freeform: Shape 175">
                <a:extLst>
                  <a:ext uri="{FF2B5EF4-FFF2-40B4-BE49-F238E27FC236}">
                    <a16:creationId xmlns="" xmlns:a16="http://schemas.microsoft.com/office/drawing/2014/main" id="{6B581EEA-66AD-680A-BA21-D227345D468E}"/>
                  </a:ext>
                </a:extLst>
              </p:cNvPr>
              <p:cNvSpPr/>
              <p:nvPr/>
            </p:nvSpPr>
            <p:spPr>
              <a:xfrm>
                <a:off x="487201" y="714358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7" name="Freeform: Shape 176">
                <a:extLst>
                  <a:ext uri="{FF2B5EF4-FFF2-40B4-BE49-F238E27FC236}">
                    <a16:creationId xmlns="" xmlns:a16="http://schemas.microsoft.com/office/drawing/2014/main" id="{4DA8CBD8-2DDF-F056-5AD8-B299018E42B6}"/>
                  </a:ext>
                </a:extLst>
              </p:cNvPr>
              <p:cNvSpPr/>
              <p:nvPr/>
            </p:nvSpPr>
            <p:spPr>
              <a:xfrm>
                <a:off x="3866591" y="529773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2 w 47366"/>
                  <a:gd name="connsiteY1" fmla="*/ 50683 h 47366"/>
                  <a:gd name="connsiteX2" fmla="*/ 0 w 47366"/>
                  <a:gd name="connsiteY2" fmla="*/ 25341 h 47366"/>
                  <a:gd name="connsiteX3" fmla="*/ 25342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2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2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8" name="Freeform: Shape 177">
                <a:extLst>
                  <a:ext uri="{FF2B5EF4-FFF2-40B4-BE49-F238E27FC236}">
                    <a16:creationId xmlns="" xmlns:a16="http://schemas.microsoft.com/office/drawing/2014/main" id="{A82144BD-F81F-DD62-11C9-038C17D81FE0}"/>
                  </a:ext>
                </a:extLst>
              </p:cNvPr>
              <p:cNvSpPr/>
              <p:nvPr/>
            </p:nvSpPr>
            <p:spPr>
              <a:xfrm>
                <a:off x="5029042" y="5577876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79" name="Freeform: Shape 178">
                <a:extLst>
                  <a:ext uri="{FF2B5EF4-FFF2-40B4-BE49-F238E27FC236}">
                    <a16:creationId xmlns="" xmlns:a16="http://schemas.microsoft.com/office/drawing/2014/main" id="{F22246D8-971D-681E-A35B-B7E87EDE3443}"/>
                  </a:ext>
                </a:extLst>
              </p:cNvPr>
              <p:cNvSpPr/>
              <p:nvPr/>
            </p:nvSpPr>
            <p:spPr>
              <a:xfrm>
                <a:off x="1542163" y="6644240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0" name="Freeform: Shape 179">
                <a:extLst>
                  <a:ext uri="{FF2B5EF4-FFF2-40B4-BE49-F238E27FC236}">
                    <a16:creationId xmlns="" xmlns:a16="http://schemas.microsoft.com/office/drawing/2014/main" id="{8C48F605-5320-0A42-ADA9-4FA717CCF19D}"/>
                  </a:ext>
                </a:extLst>
              </p:cNvPr>
              <p:cNvSpPr/>
              <p:nvPr/>
            </p:nvSpPr>
            <p:spPr>
              <a:xfrm>
                <a:off x="2582340" y="748290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4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1" name="Freeform: Shape 180">
                <a:extLst>
                  <a:ext uri="{FF2B5EF4-FFF2-40B4-BE49-F238E27FC236}">
                    <a16:creationId xmlns="" xmlns:a16="http://schemas.microsoft.com/office/drawing/2014/main" id="{648A5B4F-7AB8-EA5B-503F-A69499B0C04E}"/>
                  </a:ext>
                </a:extLst>
              </p:cNvPr>
              <p:cNvSpPr/>
              <p:nvPr/>
            </p:nvSpPr>
            <p:spPr>
              <a:xfrm>
                <a:off x="1504371" y="6304823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2" name="Freeform: Shape 181">
                <a:extLst>
                  <a:ext uri="{FF2B5EF4-FFF2-40B4-BE49-F238E27FC236}">
                    <a16:creationId xmlns="" xmlns:a16="http://schemas.microsoft.com/office/drawing/2014/main" id="{1D869CD3-8B28-08D3-DB1F-73586FF717F8}"/>
                  </a:ext>
                </a:extLst>
              </p:cNvPr>
              <p:cNvSpPr/>
              <p:nvPr/>
            </p:nvSpPr>
            <p:spPr>
              <a:xfrm>
                <a:off x="2720516" y="616228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3" name="Freeform: Shape 182">
                <a:extLst>
                  <a:ext uri="{FF2B5EF4-FFF2-40B4-BE49-F238E27FC236}">
                    <a16:creationId xmlns="" xmlns:a16="http://schemas.microsoft.com/office/drawing/2014/main" id="{8F792EC6-5F3F-2EB3-5DC0-A7C3F1974535}"/>
                  </a:ext>
                </a:extLst>
              </p:cNvPr>
              <p:cNvSpPr/>
              <p:nvPr/>
            </p:nvSpPr>
            <p:spPr>
              <a:xfrm>
                <a:off x="2081029" y="691311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4" name="Freeform: Shape 183">
                <a:extLst>
                  <a:ext uri="{FF2B5EF4-FFF2-40B4-BE49-F238E27FC236}">
                    <a16:creationId xmlns="" xmlns:a16="http://schemas.microsoft.com/office/drawing/2014/main" id="{5B68F854-6398-0A74-DEC0-7CAE33C2B2E6}"/>
                  </a:ext>
                </a:extLst>
              </p:cNvPr>
              <p:cNvSpPr/>
              <p:nvPr/>
            </p:nvSpPr>
            <p:spPr>
              <a:xfrm>
                <a:off x="419264" y="5734525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5" name="Freeform: Shape 184">
                <a:extLst>
                  <a:ext uri="{FF2B5EF4-FFF2-40B4-BE49-F238E27FC236}">
                    <a16:creationId xmlns="" xmlns:a16="http://schemas.microsoft.com/office/drawing/2014/main" id="{BB176A21-3EB8-4642-1E76-975CF89DC94E}"/>
                  </a:ext>
                </a:extLst>
              </p:cNvPr>
              <p:cNvSpPr/>
              <p:nvPr/>
            </p:nvSpPr>
            <p:spPr>
              <a:xfrm>
                <a:off x="452657" y="76046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6" name="Freeform: Shape 185">
                <a:extLst>
                  <a:ext uri="{FF2B5EF4-FFF2-40B4-BE49-F238E27FC236}">
                    <a16:creationId xmlns="" xmlns:a16="http://schemas.microsoft.com/office/drawing/2014/main" id="{7FB05D81-5AA6-1964-1C69-F4DB24051705}"/>
                  </a:ext>
                </a:extLst>
              </p:cNvPr>
              <p:cNvSpPr/>
              <p:nvPr/>
            </p:nvSpPr>
            <p:spPr>
              <a:xfrm>
                <a:off x="1732172" y="5663137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7" name="Freeform: Shape 186">
                <a:extLst>
                  <a:ext uri="{FF2B5EF4-FFF2-40B4-BE49-F238E27FC236}">
                    <a16:creationId xmlns="" xmlns:a16="http://schemas.microsoft.com/office/drawing/2014/main" id="{44882642-30E6-B9B2-F3DF-24EDB80B23AA}"/>
                  </a:ext>
                </a:extLst>
              </p:cNvPr>
              <p:cNvSpPr/>
              <p:nvPr/>
            </p:nvSpPr>
            <p:spPr>
              <a:xfrm>
                <a:off x="5079724" y="6577893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5A0FEA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8" name="Freeform: Shape 187">
                <a:extLst>
                  <a:ext uri="{FF2B5EF4-FFF2-40B4-BE49-F238E27FC236}">
                    <a16:creationId xmlns="" xmlns:a16="http://schemas.microsoft.com/office/drawing/2014/main" id="{A2DD1583-475A-27DD-3CD4-2BA9F787BC79}"/>
                  </a:ext>
                </a:extLst>
              </p:cNvPr>
              <p:cNvSpPr/>
              <p:nvPr/>
            </p:nvSpPr>
            <p:spPr>
              <a:xfrm>
                <a:off x="4927711" y="7406542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89" name="Freeform: Shape 188">
                <a:extLst>
                  <a:ext uri="{FF2B5EF4-FFF2-40B4-BE49-F238E27FC236}">
                    <a16:creationId xmlns="" xmlns:a16="http://schemas.microsoft.com/office/drawing/2014/main" id="{F1F9E934-5958-8CE0-1DBA-7AD85CF29495}"/>
                  </a:ext>
                </a:extLst>
              </p:cNvPr>
              <p:cNvSpPr/>
              <p:nvPr/>
            </p:nvSpPr>
            <p:spPr>
              <a:xfrm>
                <a:off x="6176606" y="776260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6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6"/>
                      <a:pt x="10218" y="20436"/>
                    </a:cubicBezTo>
                    <a:cubicBezTo>
                      <a:pt x="4575" y="20436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0" name="Freeform: Shape 189">
                <a:extLst>
                  <a:ext uri="{FF2B5EF4-FFF2-40B4-BE49-F238E27FC236}">
                    <a16:creationId xmlns="" xmlns:a16="http://schemas.microsoft.com/office/drawing/2014/main" id="{845A4F52-0A32-E161-D8D7-87DE193E7BC4}"/>
                  </a:ext>
                </a:extLst>
              </p:cNvPr>
              <p:cNvSpPr/>
              <p:nvPr/>
            </p:nvSpPr>
            <p:spPr>
              <a:xfrm>
                <a:off x="1466342" y="5223911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EA1149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1" name="Freeform: Shape 190">
                <a:extLst>
                  <a:ext uri="{FF2B5EF4-FFF2-40B4-BE49-F238E27FC236}">
                    <a16:creationId xmlns="" xmlns:a16="http://schemas.microsoft.com/office/drawing/2014/main" id="{EA085C08-651D-9CC3-41D2-E345EE1B24B2}"/>
                  </a:ext>
                </a:extLst>
              </p:cNvPr>
              <p:cNvSpPr/>
              <p:nvPr/>
            </p:nvSpPr>
            <p:spPr>
              <a:xfrm>
                <a:off x="3653237" y="6643259"/>
                <a:ext cx="20300" cy="20300"/>
              </a:xfrm>
              <a:custGeom>
                <a:avLst/>
                <a:gdLst>
                  <a:gd name="connsiteX0" fmla="*/ 20436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6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6" y="10218"/>
                    </a:moveTo>
                    <a:cubicBezTo>
                      <a:pt x="20436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6" y="4575"/>
                      <a:pt x="20436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2" name="Freeform: Shape 191">
                <a:extLst>
                  <a:ext uri="{FF2B5EF4-FFF2-40B4-BE49-F238E27FC236}">
                    <a16:creationId xmlns="" xmlns:a16="http://schemas.microsoft.com/office/drawing/2014/main" id="{D3A5A2EA-42EF-CEDE-1DB3-039E55E2C6C6}"/>
                  </a:ext>
                </a:extLst>
              </p:cNvPr>
              <p:cNvSpPr/>
              <p:nvPr/>
            </p:nvSpPr>
            <p:spPr>
              <a:xfrm>
                <a:off x="4212505" y="562094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3" name="Freeform: Shape 192">
                <a:extLst>
                  <a:ext uri="{FF2B5EF4-FFF2-40B4-BE49-F238E27FC236}">
                    <a16:creationId xmlns="" xmlns:a16="http://schemas.microsoft.com/office/drawing/2014/main" id="{0478CCE9-D7E8-9D51-F9C5-3E110A98618E}"/>
                  </a:ext>
                </a:extLst>
              </p:cNvPr>
              <p:cNvSpPr/>
              <p:nvPr/>
            </p:nvSpPr>
            <p:spPr>
              <a:xfrm>
                <a:off x="452657" y="5162164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5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4" name="Freeform: Shape 193">
                <a:extLst>
                  <a:ext uri="{FF2B5EF4-FFF2-40B4-BE49-F238E27FC236}">
                    <a16:creationId xmlns="" xmlns:a16="http://schemas.microsoft.com/office/drawing/2014/main" id="{BAA840FA-92AF-9B98-1F1C-11B90088EEA8}"/>
                  </a:ext>
                </a:extLst>
              </p:cNvPr>
              <p:cNvSpPr/>
              <p:nvPr/>
            </p:nvSpPr>
            <p:spPr>
              <a:xfrm>
                <a:off x="5874236" y="5323076"/>
                <a:ext cx="20300" cy="20300"/>
              </a:xfrm>
              <a:custGeom>
                <a:avLst/>
                <a:gdLst>
                  <a:gd name="connsiteX0" fmla="*/ 20435 w 20300"/>
                  <a:gd name="connsiteY0" fmla="*/ 10218 h 20300"/>
                  <a:gd name="connsiteX1" fmla="*/ 10218 w 20300"/>
                  <a:gd name="connsiteY1" fmla="*/ 20435 h 20300"/>
                  <a:gd name="connsiteX2" fmla="*/ 0 w 20300"/>
                  <a:gd name="connsiteY2" fmla="*/ 10218 h 20300"/>
                  <a:gd name="connsiteX3" fmla="*/ 10218 w 20300"/>
                  <a:gd name="connsiteY3" fmla="*/ 0 h 20300"/>
                  <a:gd name="connsiteX4" fmla="*/ 20435 w 20300"/>
                  <a:gd name="connsiteY4" fmla="*/ 10218 h 203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20300" h="20300">
                    <a:moveTo>
                      <a:pt x="20435" y="10218"/>
                    </a:moveTo>
                    <a:cubicBezTo>
                      <a:pt x="20435" y="15861"/>
                      <a:pt x="15861" y="20435"/>
                      <a:pt x="10218" y="20435"/>
                    </a:cubicBezTo>
                    <a:cubicBezTo>
                      <a:pt x="4575" y="20435"/>
                      <a:pt x="0" y="15861"/>
                      <a:pt x="0" y="10218"/>
                    </a:cubicBezTo>
                    <a:cubicBezTo>
                      <a:pt x="0" y="4575"/>
                      <a:pt x="4574" y="0"/>
                      <a:pt x="10218" y="0"/>
                    </a:cubicBezTo>
                    <a:cubicBezTo>
                      <a:pt x="15861" y="0"/>
                      <a:pt x="20435" y="4575"/>
                      <a:pt x="20435" y="10218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5" name="Freeform: Shape 194">
                <a:extLst>
                  <a:ext uri="{FF2B5EF4-FFF2-40B4-BE49-F238E27FC236}">
                    <a16:creationId xmlns="" xmlns:a16="http://schemas.microsoft.com/office/drawing/2014/main" id="{749FCB2C-C076-3C71-58AF-9FA3F613F9E5}"/>
                  </a:ext>
                </a:extLst>
              </p:cNvPr>
              <p:cNvSpPr/>
              <p:nvPr/>
            </p:nvSpPr>
            <p:spPr>
              <a:xfrm>
                <a:off x="2467982" y="5473162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6" name="Freeform: Shape 195">
                <a:extLst>
                  <a:ext uri="{FF2B5EF4-FFF2-40B4-BE49-F238E27FC236}">
                    <a16:creationId xmlns="" xmlns:a16="http://schemas.microsoft.com/office/drawing/2014/main" id="{4DBA3DFF-B567-AEB4-9C69-5B5B21097F8B}"/>
                  </a:ext>
                </a:extLst>
              </p:cNvPr>
              <p:cNvSpPr/>
              <p:nvPr/>
            </p:nvSpPr>
            <p:spPr>
              <a:xfrm>
                <a:off x="2953019" y="6464923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7" name="Freeform: Shape 196">
                <a:extLst>
                  <a:ext uri="{FF2B5EF4-FFF2-40B4-BE49-F238E27FC236}">
                    <a16:creationId xmlns="" xmlns:a16="http://schemas.microsoft.com/office/drawing/2014/main" id="{63F52453-EA20-5D5B-3999-2D80293C68FD}"/>
                  </a:ext>
                </a:extLst>
              </p:cNvPr>
              <p:cNvSpPr/>
              <p:nvPr/>
            </p:nvSpPr>
            <p:spPr>
              <a:xfrm>
                <a:off x="1076073" y="7220999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8" name="Freeform: Shape 197">
                <a:extLst>
                  <a:ext uri="{FF2B5EF4-FFF2-40B4-BE49-F238E27FC236}">
                    <a16:creationId xmlns="" xmlns:a16="http://schemas.microsoft.com/office/drawing/2014/main" id="{001E40A7-54FE-C0A6-E0FD-53EDC9864529}"/>
                  </a:ext>
                </a:extLst>
              </p:cNvPr>
              <p:cNvSpPr/>
              <p:nvPr/>
            </p:nvSpPr>
            <p:spPr>
              <a:xfrm>
                <a:off x="711145" y="6439615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199" name="Freeform: Shape 198">
                <a:extLst>
                  <a:ext uri="{FF2B5EF4-FFF2-40B4-BE49-F238E27FC236}">
                    <a16:creationId xmlns="" xmlns:a16="http://schemas.microsoft.com/office/drawing/2014/main" id="{8E16708B-4446-89FE-F0E6-6299CDA8EB00}"/>
                  </a:ext>
                </a:extLst>
              </p:cNvPr>
              <p:cNvSpPr/>
              <p:nvPr/>
            </p:nvSpPr>
            <p:spPr>
              <a:xfrm>
                <a:off x="4003752" y="736611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0" name="Freeform: Shape 199">
                <a:extLst>
                  <a:ext uri="{FF2B5EF4-FFF2-40B4-BE49-F238E27FC236}">
                    <a16:creationId xmlns="" xmlns:a16="http://schemas.microsoft.com/office/drawing/2014/main" id="{5D33BCF9-73B1-61C0-B5E8-1A646A5F400C}"/>
                  </a:ext>
                </a:extLst>
              </p:cNvPr>
              <p:cNvSpPr/>
              <p:nvPr/>
            </p:nvSpPr>
            <p:spPr>
              <a:xfrm>
                <a:off x="4402243" y="6671578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1" name="Freeform: Shape 200">
                <a:extLst>
                  <a:ext uri="{FF2B5EF4-FFF2-40B4-BE49-F238E27FC236}">
                    <a16:creationId xmlns="" xmlns:a16="http://schemas.microsoft.com/office/drawing/2014/main" id="{DE2D84AF-EDD2-A791-5E63-D2CFA41E7746}"/>
                  </a:ext>
                </a:extLst>
              </p:cNvPr>
              <p:cNvSpPr/>
              <p:nvPr/>
            </p:nvSpPr>
            <p:spPr>
              <a:xfrm>
                <a:off x="5848895" y="6948674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FCB736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2" name="Freeform: Shape 201">
                <a:extLst>
                  <a:ext uri="{FF2B5EF4-FFF2-40B4-BE49-F238E27FC236}">
                    <a16:creationId xmlns="" xmlns:a16="http://schemas.microsoft.com/office/drawing/2014/main" id="{912DE2F4-9E7A-AB18-5AF1-19ACE850A84A}"/>
                  </a:ext>
                </a:extLst>
              </p:cNvPr>
              <p:cNvSpPr/>
              <p:nvPr/>
            </p:nvSpPr>
            <p:spPr>
              <a:xfrm>
                <a:off x="5532653" y="7376261"/>
                <a:ext cx="47367" cy="47367"/>
              </a:xfrm>
              <a:custGeom>
                <a:avLst/>
                <a:gdLst>
                  <a:gd name="connsiteX0" fmla="*/ 50683 w 47366"/>
                  <a:gd name="connsiteY0" fmla="*/ 25341 h 47366"/>
                  <a:gd name="connsiteX1" fmla="*/ 25341 w 47366"/>
                  <a:gd name="connsiteY1" fmla="*/ 50682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3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3" y="25341"/>
                    </a:moveTo>
                    <a:cubicBezTo>
                      <a:pt x="50683" y="39337"/>
                      <a:pt x="39337" y="50682"/>
                      <a:pt x="25341" y="50682"/>
                    </a:cubicBezTo>
                    <a:cubicBezTo>
                      <a:pt x="11346" y="50682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3" y="11346"/>
                      <a:pt x="50683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sp>
            <p:nvSpPr>
              <p:cNvPr id="203" name="Freeform: Shape 202">
                <a:extLst>
                  <a:ext uri="{FF2B5EF4-FFF2-40B4-BE49-F238E27FC236}">
                    <a16:creationId xmlns="" xmlns:a16="http://schemas.microsoft.com/office/drawing/2014/main" id="{9A0F50F5-9DB1-7AFD-6B96-707B29E95F18}"/>
                  </a:ext>
                </a:extLst>
              </p:cNvPr>
              <p:cNvSpPr/>
              <p:nvPr/>
            </p:nvSpPr>
            <p:spPr>
              <a:xfrm>
                <a:off x="2915802" y="6897991"/>
                <a:ext cx="47367" cy="47367"/>
              </a:xfrm>
              <a:custGeom>
                <a:avLst/>
                <a:gdLst>
                  <a:gd name="connsiteX0" fmla="*/ 50682 w 47366"/>
                  <a:gd name="connsiteY0" fmla="*/ 25341 h 47366"/>
                  <a:gd name="connsiteX1" fmla="*/ 25341 w 47366"/>
                  <a:gd name="connsiteY1" fmla="*/ 50683 h 47366"/>
                  <a:gd name="connsiteX2" fmla="*/ 0 w 47366"/>
                  <a:gd name="connsiteY2" fmla="*/ 25341 h 47366"/>
                  <a:gd name="connsiteX3" fmla="*/ 25341 w 47366"/>
                  <a:gd name="connsiteY3" fmla="*/ 0 h 47366"/>
                  <a:gd name="connsiteX4" fmla="*/ 50682 w 47366"/>
                  <a:gd name="connsiteY4" fmla="*/ 25341 h 47366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47366" h="47366">
                    <a:moveTo>
                      <a:pt x="50682" y="25341"/>
                    </a:moveTo>
                    <a:cubicBezTo>
                      <a:pt x="50682" y="39337"/>
                      <a:pt x="39337" y="50683"/>
                      <a:pt x="25341" y="50683"/>
                    </a:cubicBezTo>
                    <a:cubicBezTo>
                      <a:pt x="11346" y="50683"/>
                      <a:pt x="0" y="39337"/>
                      <a:pt x="0" y="25341"/>
                    </a:cubicBezTo>
                    <a:cubicBezTo>
                      <a:pt x="0" y="11346"/>
                      <a:pt x="11346" y="0"/>
                      <a:pt x="25341" y="0"/>
                    </a:cubicBezTo>
                    <a:cubicBezTo>
                      <a:pt x="39337" y="0"/>
                      <a:pt x="50682" y="11346"/>
                      <a:pt x="50682" y="25341"/>
                    </a:cubicBezTo>
                    <a:close/>
                  </a:path>
                </a:pathLst>
              </a:custGeom>
              <a:solidFill>
                <a:srgbClr val="C8D5EC"/>
              </a:solidFill>
              <a:ln w="3383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pPr marL="0" marR="0" lvl="0" indent="0" algn="l" defTabSz="128565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506" b="0" i="0" u="none" strike="noStrike" kern="1200" cap="none" spc="0" normalizeH="0" baseline="0" noProof="0">
                  <a:ln>
                    <a:noFill/>
                  </a:ln>
                  <a:solidFill>
                    <a:srgbClr val="FFFFFF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</p:grpSp>
      <p:grpSp>
        <p:nvGrpSpPr>
          <p:cNvPr id="255" name="Group 254">
            <a:extLst>
              <a:ext uri="{FF2B5EF4-FFF2-40B4-BE49-F238E27FC236}">
                <a16:creationId xmlns="" xmlns:a16="http://schemas.microsoft.com/office/drawing/2014/main" id="{60290006-5438-E061-2A78-0220749E422D}"/>
              </a:ext>
            </a:extLst>
          </p:cNvPr>
          <p:cNvGrpSpPr/>
          <p:nvPr/>
        </p:nvGrpSpPr>
        <p:grpSpPr>
          <a:xfrm>
            <a:off x="5404488" y="1472050"/>
            <a:ext cx="1318157" cy="930465"/>
            <a:chOff x="17029828" y="5557001"/>
            <a:chExt cx="1150338" cy="812004"/>
          </a:xfrm>
        </p:grpSpPr>
        <p:sp>
          <p:nvSpPr>
            <p:cNvPr id="256" name="Freeform: Shape 255">
              <a:extLst>
                <a:ext uri="{FF2B5EF4-FFF2-40B4-BE49-F238E27FC236}">
                  <a16:creationId xmlns="" xmlns:a16="http://schemas.microsoft.com/office/drawing/2014/main" id="{CD559FED-3C02-F1AB-F8AF-22E11C397517}"/>
                </a:ext>
              </a:extLst>
            </p:cNvPr>
            <p:cNvSpPr/>
            <p:nvPr/>
          </p:nvSpPr>
          <p:spPr>
            <a:xfrm>
              <a:off x="17549685" y="5581564"/>
              <a:ext cx="446602" cy="751103"/>
            </a:xfrm>
            <a:custGeom>
              <a:avLst/>
              <a:gdLst>
                <a:gd name="connsiteX0" fmla="*/ 447697 w 446601"/>
                <a:gd name="connsiteY0" fmla="*/ 382623 h 751103"/>
                <a:gd name="connsiteX1" fmla="*/ 213028 w 446601"/>
                <a:gd name="connsiteY1" fmla="*/ 751509 h 751103"/>
                <a:gd name="connsiteX2" fmla="*/ 163564 w 446601"/>
                <a:gd name="connsiteY2" fmla="*/ 666723 h 751103"/>
                <a:gd name="connsiteX3" fmla="*/ 994 w 446601"/>
                <a:gd name="connsiteY3" fmla="*/ 533047 h 751103"/>
                <a:gd name="connsiteX4" fmla="*/ 128613 w 446601"/>
                <a:gd name="connsiteY4" fmla="*/ 350718 h 751103"/>
                <a:gd name="connsiteX5" fmla="*/ 17708 w 446601"/>
                <a:gd name="connsiteY5" fmla="*/ 163822 h 751103"/>
                <a:gd name="connsiteX6" fmla="*/ 180176 w 446601"/>
                <a:gd name="connsiteY6" fmla="*/ 0 h 751103"/>
                <a:gd name="connsiteX7" fmla="*/ 447697 w 446601"/>
                <a:gd name="connsiteY7" fmla="*/ 382623 h 7511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446601" h="751103">
                  <a:moveTo>
                    <a:pt x="447697" y="382623"/>
                  </a:moveTo>
                  <a:cubicBezTo>
                    <a:pt x="447697" y="545836"/>
                    <a:pt x="351678" y="686617"/>
                    <a:pt x="213028" y="751509"/>
                  </a:cubicBezTo>
                  <a:cubicBezTo>
                    <a:pt x="214753" y="717507"/>
                    <a:pt x="208393" y="672339"/>
                    <a:pt x="163564" y="666723"/>
                  </a:cubicBezTo>
                  <a:cubicBezTo>
                    <a:pt x="90618" y="657621"/>
                    <a:pt x="-11153" y="593811"/>
                    <a:pt x="994" y="533047"/>
                  </a:cubicBezTo>
                  <a:cubicBezTo>
                    <a:pt x="13140" y="472248"/>
                    <a:pt x="160519" y="457057"/>
                    <a:pt x="128613" y="350718"/>
                  </a:cubicBezTo>
                  <a:cubicBezTo>
                    <a:pt x="96709" y="244345"/>
                    <a:pt x="17708" y="270194"/>
                    <a:pt x="17708" y="163822"/>
                  </a:cubicBezTo>
                  <a:cubicBezTo>
                    <a:pt x="17708" y="57449"/>
                    <a:pt x="180176" y="0"/>
                    <a:pt x="180176" y="0"/>
                  </a:cubicBezTo>
                  <a:cubicBezTo>
                    <a:pt x="336284" y="57043"/>
                    <a:pt x="447697" y="206858"/>
                    <a:pt x="447697" y="382623"/>
                  </a:cubicBezTo>
                  <a:close/>
                </a:path>
              </a:pathLst>
            </a:custGeom>
            <a:solidFill>
              <a:srgbClr val="FF2D5E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7" name="Freeform: Shape 256">
              <a:extLst>
                <a:ext uri="{FF2B5EF4-FFF2-40B4-BE49-F238E27FC236}">
                  <a16:creationId xmlns="" xmlns:a16="http://schemas.microsoft.com/office/drawing/2014/main" id="{36EB1F42-293D-011C-0CCF-44D3A72B0410}"/>
                </a:ext>
              </a:extLst>
            </p:cNvPr>
            <p:cNvSpPr/>
            <p:nvPr/>
          </p:nvSpPr>
          <p:spPr>
            <a:xfrm>
              <a:off x="17182976" y="5557001"/>
              <a:ext cx="578553" cy="812004"/>
            </a:xfrm>
            <a:custGeom>
              <a:avLst/>
              <a:gdLst>
                <a:gd name="connsiteX0" fmla="*/ 579737 w 578552"/>
                <a:gd name="connsiteY0" fmla="*/ 776106 h 812003"/>
                <a:gd name="connsiteX1" fmla="*/ 407186 w 578552"/>
                <a:gd name="connsiteY1" fmla="*/ 814406 h 812003"/>
                <a:gd name="connsiteX2" fmla="*/ 0 w 578552"/>
                <a:gd name="connsiteY2" fmla="*/ 407220 h 812003"/>
                <a:gd name="connsiteX3" fmla="*/ 407186 w 578552"/>
                <a:gd name="connsiteY3" fmla="*/ 0 h 812003"/>
                <a:gd name="connsiteX4" fmla="*/ 546885 w 578552"/>
                <a:gd name="connsiteY4" fmla="*/ 24597 h 812003"/>
                <a:gd name="connsiteX5" fmla="*/ 384416 w 578552"/>
                <a:gd name="connsiteY5" fmla="*/ 188419 h 812003"/>
                <a:gd name="connsiteX6" fmla="*/ 495322 w 578552"/>
                <a:gd name="connsiteY6" fmla="*/ 375315 h 812003"/>
                <a:gd name="connsiteX7" fmla="*/ 367703 w 578552"/>
                <a:gd name="connsiteY7" fmla="*/ 557643 h 812003"/>
                <a:gd name="connsiteX8" fmla="*/ 530272 w 578552"/>
                <a:gd name="connsiteY8" fmla="*/ 691320 h 812003"/>
                <a:gd name="connsiteX9" fmla="*/ 579737 w 578552"/>
                <a:gd name="connsiteY9" fmla="*/ 776106 h 8120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578552" h="812003">
                  <a:moveTo>
                    <a:pt x="579737" y="776106"/>
                  </a:moveTo>
                  <a:cubicBezTo>
                    <a:pt x="527328" y="800703"/>
                    <a:pt x="468865" y="814406"/>
                    <a:pt x="407186" y="814406"/>
                  </a:cubicBezTo>
                  <a:cubicBezTo>
                    <a:pt x="182329" y="814406"/>
                    <a:pt x="0" y="632111"/>
                    <a:pt x="0" y="407220"/>
                  </a:cubicBezTo>
                  <a:cubicBezTo>
                    <a:pt x="0" y="182329"/>
                    <a:pt x="182329" y="0"/>
                    <a:pt x="407186" y="0"/>
                  </a:cubicBezTo>
                  <a:cubicBezTo>
                    <a:pt x="456245" y="0"/>
                    <a:pt x="503308" y="8695"/>
                    <a:pt x="546885" y="24597"/>
                  </a:cubicBezTo>
                  <a:cubicBezTo>
                    <a:pt x="546885" y="24597"/>
                    <a:pt x="384416" y="82046"/>
                    <a:pt x="384416" y="188419"/>
                  </a:cubicBezTo>
                  <a:cubicBezTo>
                    <a:pt x="384416" y="294791"/>
                    <a:pt x="463418" y="268942"/>
                    <a:pt x="495322" y="375315"/>
                  </a:cubicBezTo>
                  <a:cubicBezTo>
                    <a:pt x="527227" y="481653"/>
                    <a:pt x="379849" y="496845"/>
                    <a:pt x="367703" y="557643"/>
                  </a:cubicBezTo>
                  <a:cubicBezTo>
                    <a:pt x="355556" y="618408"/>
                    <a:pt x="457327" y="682218"/>
                    <a:pt x="530272" y="691320"/>
                  </a:cubicBezTo>
                  <a:cubicBezTo>
                    <a:pt x="575102" y="696902"/>
                    <a:pt x="581462" y="742070"/>
                    <a:pt x="579737" y="776106"/>
                  </a:cubicBezTo>
                  <a:close/>
                </a:path>
              </a:pathLst>
            </a:custGeom>
            <a:solidFill>
              <a:srgbClr val="EA1149"/>
            </a:solidFill>
            <a:ln w="3383" cap="flat">
              <a:noFill/>
              <a:prstDash val="solid"/>
              <a:miter/>
            </a:ln>
            <a:effectLst>
              <a:outerShdw blurRad="990600" sx="102000" sy="102000" algn="ctr" rotWithShape="0">
                <a:schemeClr val="accent1"/>
              </a:outerShdw>
            </a:effectLst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8" name="Freeform: Shape 257">
              <a:extLst>
                <a:ext uri="{FF2B5EF4-FFF2-40B4-BE49-F238E27FC236}">
                  <a16:creationId xmlns="" xmlns:a16="http://schemas.microsoft.com/office/drawing/2014/main" id="{29771850-B6B5-FA9A-869A-87B6AA7C8C7A}"/>
                </a:ext>
              </a:extLst>
            </p:cNvPr>
            <p:cNvSpPr/>
            <p:nvPr/>
          </p:nvSpPr>
          <p:spPr>
            <a:xfrm>
              <a:off x="17614320" y="6074992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59" name="Freeform: Shape 258">
              <a:extLst>
                <a:ext uri="{FF2B5EF4-FFF2-40B4-BE49-F238E27FC236}">
                  <a16:creationId xmlns="" xmlns:a16="http://schemas.microsoft.com/office/drawing/2014/main" id="{25B74967-AC4C-455D-9ED5-7698C985793E}"/>
                </a:ext>
              </a:extLst>
            </p:cNvPr>
            <p:cNvSpPr/>
            <p:nvPr/>
          </p:nvSpPr>
          <p:spPr>
            <a:xfrm>
              <a:off x="17646461" y="5682050"/>
              <a:ext cx="115034" cy="98117"/>
            </a:xfrm>
            <a:custGeom>
              <a:avLst/>
              <a:gdLst>
                <a:gd name="connsiteX0" fmla="*/ 116523 w 115033"/>
                <a:gd name="connsiteY0" fmla="*/ 50310 h 98117"/>
                <a:gd name="connsiteX1" fmla="*/ 58261 w 115033"/>
                <a:gd name="connsiteY1" fmla="*/ 100621 h 98117"/>
                <a:gd name="connsiteX2" fmla="*/ -1 w 115033"/>
                <a:gd name="connsiteY2" fmla="*/ 50310 h 98117"/>
                <a:gd name="connsiteX3" fmla="*/ 58261 w 115033"/>
                <a:gd name="connsiteY3" fmla="*/ 0 h 98117"/>
                <a:gd name="connsiteX4" fmla="*/ 116523 w 115033"/>
                <a:gd name="connsiteY4" fmla="*/ 50310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5033" h="98117">
                  <a:moveTo>
                    <a:pt x="116523" y="50310"/>
                  </a:moveTo>
                  <a:cubicBezTo>
                    <a:pt x="116523" y="78096"/>
                    <a:pt x="90439" y="100621"/>
                    <a:pt x="58261" y="100621"/>
                  </a:cubicBezTo>
                  <a:cubicBezTo>
                    <a:pt x="26084" y="100621"/>
                    <a:pt x="-1" y="78096"/>
                    <a:pt x="-1" y="50310"/>
                  </a:cubicBezTo>
                  <a:cubicBezTo>
                    <a:pt x="-1" y="22525"/>
                    <a:pt x="26083" y="0"/>
                    <a:pt x="58261" y="0"/>
                  </a:cubicBezTo>
                  <a:cubicBezTo>
                    <a:pt x="90437" y="0"/>
                    <a:pt x="116523" y="22525"/>
                    <a:pt x="116523" y="50310"/>
                  </a:cubicBezTo>
                  <a:close/>
                </a:path>
              </a:pathLst>
            </a:custGeom>
            <a:solidFill>
              <a:srgbClr val="FC4475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0" name="Freeform: Shape 259">
              <a:extLst>
                <a:ext uri="{FF2B5EF4-FFF2-40B4-BE49-F238E27FC236}">
                  <a16:creationId xmlns="" xmlns:a16="http://schemas.microsoft.com/office/drawing/2014/main" id="{1FF17FF3-EC6B-4B78-95BB-40215C4D57B7}"/>
                </a:ext>
              </a:extLst>
            </p:cNvPr>
            <p:cNvSpPr/>
            <p:nvPr/>
          </p:nvSpPr>
          <p:spPr>
            <a:xfrm>
              <a:off x="17447724" y="5885389"/>
              <a:ext cx="165784" cy="142101"/>
            </a:xfrm>
            <a:custGeom>
              <a:avLst/>
              <a:gdLst>
                <a:gd name="connsiteX0" fmla="*/ 166597 w 165784"/>
                <a:gd name="connsiteY0" fmla="*/ 71964 h 142100"/>
                <a:gd name="connsiteX1" fmla="*/ 83298 w 165784"/>
                <a:gd name="connsiteY1" fmla="*/ 143928 h 142100"/>
                <a:gd name="connsiteX2" fmla="*/ 0 w 165784"/>
                <a:gd name="connsiteY2" fmla="*/ 71964 h 142100"/>
                <a:gd name="connsiteX3" fmla="*/ 83298 w 165784"/>
                <a:gd name="connsiteY3" fmla="*/ 0 h 142100"/>
                <a:gd name="connsiteX4" fmla="*/ 166597 w 165784"/>
                <a:gd name="connsiteY4" fmla="*/ 71964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65784" h="142100">
                  <a:moveTo>
                    <a:pt x="166597" y="71964"/>
                  </a:moveTo>
                  <a:cubicBezTo>
                    <a:pt x="166597" y="111708"/>
                    <a:pt x="129302" y="143928"/>
                    <a:pt x="83298" y="143928"/>
                  </a:cubicBezTo>
                  <a:cubicBezTo>
                    <a:pt x="37294" y="143928"/>
                    <a:pt x="0" y="111708"/>
                    <a:pt x="0" y="71964"/>
                  </a:cubicBezTo>
                  <a:cubicBezTo>
                    <a:pt x="0" y="32219"/>
                    <a:pt x="37294" y="0"/>
                    <a:pt x="83298" y="0"/>
                  </a:cubicBezTo>
                  <a:cubicBezTo>
                    <a:pt x="129302" y="0"/>
                    <a:pt x="166597" y="32219"/>
                    <a:pt x="166597" y="71964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1" name="Freeform: Shape 260">
              <a:extLst>
                <a:ext uri="{FF2B5EF4-FFF2-40B4-BE49-F238E27FC236}">
                  <a16:creationId xmlns="" xmlns:a16="http://schemas.microsoft.com/office/drawing/2014/main" id="{8DD7047D-DECB-0151-9F9A-BDD2CD741FA7}"/>
                </a:ext>
              </a:extLst>
            </p:cNvPr>
            <p:cNvSpPr/>
            <p:nvPr/>
          </p:nvSpPr>
          <p:spPr>
            <a:xfrm>
              <a:off x="17359655" y="6144317"/>
              <a:ext cx="71050" cy="60900"/>
            </a:xfrm>
            <a:custGeom>
              <a:avLst/>
              <a:gdLst>
                <a:gd name="connsiteX0" fmla="*/ 72472 w 71050"/>
                <a:gd name="connsiteY0" fmla="*/ 31296 h 60900"/>
                <a:gd name="connsiteX1" fmla="*/ 36236 w 71050"/>
                <a:gd name="connsiteY1" fmla="*/ 62592 h 60900"/>
                <a:gd name="connsiteX2" fmla="*/ 1 w 71050"/>
                <a:gd name="connsiteY2" fmla="*/ 31296 h 60900"/>
                <a:gd name="connsiteX3" fmla="*/ 36236 w 71050"/>
                <a:gd name="connsiteY3" fmla="*/ 0 h 60900"/>
                <a:gd name="connsiteX4" fmla="*/ 72472 w 71050"/>
                <a:gd name="connsiteY4" fmla="*/ 31296 h 609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1050" h="60900">
                  <a:moveTo>
                    <a:pt x="72472" y="31296"/>
                  </a:moveTo>
                  <a:cubicBezTo>
                    <a:pt x="72472" y="48580"/>
                    <a:pt x="56249" y="62592"/>
                    <a:pt x="36236" y="62592"/>
                  </a:cubicBezTo>
                  <a:cubicBezTo>
                    <a:pt x="16223" y="62592"/>
                    <a:pt x="1" y="48580"/>
                    <a:pt x="1" y="31296"/>
                  </a:cubicBezTo>
                  <a:cubicBezTo>
                    <a:pt x="1" y="14012"/>
                    <a:pt x="16223" y="0"/>
                    <a:pt x="36236" y="0"/>
                  </a:cubicBezTo>
                  <a:cubicBezTo>
                    <a:pt x="56249" y="0"/>
                    <a:pt x="72472" y="14012"/>
                    <a:pt x="72472" y="31296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2" name="Freeform: Shape 261">
              <a:extLst>
                <a:ext uri="{FF2B5EF4-FFF2-40B4-BE49-F238E27FC236}">
                  <a16:creationId xmlns="" xmlns:a16="http://schemas.microsoft.com/office/drawing/2014/main" id="{5CC01D1D-F8A4-E8A5-2134-47CBE0A2647F}"/>
                </a:ext>
              </a:extLst>
            </p:cNvPr>
            <p:cNvSpPr/>
            <p:nvPr/>
          </p:nvSpPr>
          <p:spPr>
            <a:xfrm>
              <a:off x="17308668" y="5712364"/>
              <a:ext cx="101500" cy="87967"/>
            </a:xfrm>
            <a:custGeom>
              <a:avLst/>
              <a:gdLst>
                <a:gd name="connsiteX0" fmla="*/ 101974 w 101500"/>
                <a:gd name="connsiteY0" fmla="*/ 44051 h 87967"/>
                <a:gd name="connsiteX1" fmla="*/ 50988 w 101500"/>
                <a:gd name="connsiteY1" fmla="*/ 88102 h 87967"/>
                <a:gd name="connsiteX2" fmla="*/ 1 w 101500"/>
                <a:gd name="connsiteY2" fmla="*/ 44051 h 87967"/>
                <a:gd name="connsiteX3" fmla="*/ 50988 w 101500"/>
                <a:gd name="connsiteY3" fmla="*/ 0 h 87967"/>
                <a:gd name="connsiteX4" fmla="*/ 101974 w 101500"/>
                <a:gd name="connsiteY4" fmla="*/ 44051 h 879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1500" h="87967">
                  <a:moveTo>
                    <a:pt x="101974" y="44051"/>
                  </a:moveTo>
                  <a:cubicBezTo>
                    <a:pt x="101974" y="68380"/>
                    <a:pt x="79146" y="88102"/>
                    <a:pt x="50988" y="88102"/>
                  </a:cubicBezTo>
                  <a:cubicBezTo>
                    <a:pt x="22829" y="88102"/>
                    <a:pt x="1" y="68380"/>
                    <a:pt x="1" y="44051"/>
                  </a:cubicBezTo>
                  <a:cubicBezTo>
                    <a:pt x="1" y="19722"/>
                    <a:pt x="22829" y="0"/>
                    <a:pt x="50988" y="0"/>
                  </a:cubicBezTo>
                  <a:cubicBezTo>
                    <a:pt x="79146" y="0"/>
                    <a:pt x="101974" y="19722"/>
                    <a:pt x="101974" y="44051"/>
                  </a:cubicBezTo>
                  <a:close/>
                </a:path>
              </a:pathLst>
            </a:custGeom>
            <a:solidFill>
              <a:srgbClr val="D30943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3" name="Freeform: Shape 262">
              <a:extLst>
                <a:ext uri="{FF2B5EF4-FFF2-40B4-BE49-F238E27FC236}">
                  <a16:creationId xmlns="" xmlns:a16="http://schemas.microsoft.com/office/drawing/2014/main" id="{E3032E68-96B9-9BF0-DFA6-80583979722A}"/>
                </a:ext>
              </a:extLst>
            </p:cNvPr>
            <p:cNvSpPr/>
            <p:nvPr/>
          </p:nvSpPr>
          <p:spPr>
            <a:xfrm>
              <a:off x="17029828" y="5658977"/>
              <a:ext cx="1150338" cy="568402"/>
            </a:xfrm>
            <a:custGeom>
              <a:avLst/>
              <a:gdLst>
                <a:gd name="connsiteX0" fmla="*/ 1017527 w 1150338"/>
                <a:gd name="connsiteY0" fmla="*/ 252531 h 568402"/>
                <a:gd name="connsiteX1" fmla="*/ 956288 w 1150338"/>
                <a:gd name="connsiteY1" fmla="*/ 211254 h 568402"/>
                <a:gd name="connsiteX2" fmla="*/ 967487 w 1150338"/>
                <a:gd name="connsiteY2" fmla="*/ 299763 h 568402"/>
                <a:gd name="connsiteX3" fmla="*/ 977230 w 1150338"/>
                <a:gd name="connsiteY3" fmla="*/ 306868 h 568402"/>
                <a:gd name="connsiteX4" fmla="*/ 1082859 w 1150338"/>
                <a:gd name="connsiteY4" fmla="*/ 438311 h 568402"/>
                <a:gd name="connsiteX5" fmla="*/ 1081336 w 1150338"/>
                <a:gd name="connsiteY5" fmla="*/ 448630 h 568402"/>
                <a:gd name="connsiteX6" fmla="*/ 917482 w 1150338"/>
                <a:gd name="connsiteY6" fmla="*/ 502628 h 568402"/>
                <a:gd name="connsiteX7" fmla="*/ 913996 w 1150338"/>
                <a:gd name="connsiteY7" fmla="*/ 502696 h 568402"/>
                <a:gd name="connsiteX8" fmla="*/ 531408 w 1150338"/>
                <a:gd name="connsiteY8" fmla="*/ 435976 h 568402"/>
                <a:gd name="connsiteX9" fmla="*/ 527111 w 1150338"/>
                <a:gd name="connsiteY9" fmla="*/ 434623 h 568402"/>
                <a:gd name="connsiteX10" fmla="*/ 173484 w 1150338"/>
                <a:gd name="connsiteY10" fmla="*/ 263527 h 568402"/>
                <a:gd name="connsiteX11" fmla="*/ 157006 w 1150338"/>
                <a:gd name="connsiteY11" fmla="*/ 250907 h 568402"/>
                <a:gd name="connsiteX12" fmla="*/ 69378 w 1150338"/>
                <a:gd name="connsiteY12" fmla="*/ 121799 h 568402"/>
                <a:gd name="connsiteX13" fmla="*/ 230627 w 1150338"/>
                <a:gd name="connsiteY13" fmla="*/ 67868 h 568402"/>
                <a:gd name="connsiteX14" fmla="*/ 291223 w 1150338"/>
                <a:gd name="connsiteY14" fmla="*/ 1250 h 568402"/>
                <a:gd name="connsiteX15" fmla="*/ 235838 w 1150338"/>
                <a:gd name="connsiteY15" fmla="*/ 66 h 568402"/>
                <a:gd name="connsiteX16" fmla="*/ 4992 w 1150338"/>
                <a:gd name="connsiteY16" fmla="*/ 100991 h 568402"/>
                <a:gd name="connsiteX17" fmla="*/ 133187 w 1150338"/>
                <a:gd name="connsiteY17" fmla="*/ 317897 h 568402"/>
                <a:gd name="connsiteX18" fmla="*/ 153995 w 1150338"/>
                <a:gd name="connsiteY18" fmla="*/ 332784 h 568402"/>
                <a:gd name="connsiteX19" fmla="*/ 506302 w 1150338"/>
                <a:gd name="connsiteY19" fmla="*/ 499008 h 568402"/>
                <a:gd name="connsiteX20" fmla="*/ 534385 w 1150338"/>
                <a:gd name="connsiteY20" fmla="*/ 507805 h 568402"/>
                <a:gd name="connsiteX21" fmla="*/ 871332 w 1150338"/>
                <a:gd name="connsiteY21" fmla="*/ 569720 h 568402"/>
                <a:gd name="connsiteX22" fmla="*/ 904895 w 1150338"/>
                <a:gd name="connsiteY22" fmla="*/ 570430 h 568402"/>
                <a:gd name="connsiteX23" fmla="*/ 914876 w 1150338"/>
                <a:gd name="connsiteY23" fmla="*/ 570363 h 568402"/>
                <a:gd name="connsiteX24" fmla="*/ 1071356 w 1150338"/>
                <a:gd name="connsiteY24" fmla="*/ 543398 h 568402"/>
                <a:gd name="connsiteX25" fmla="*/ 1145722 w 1150338"/>
                <a:gd name="connsiteY25" fmla="*/ 469438 h 568402"/>
                <a:gd name="connsiteX26" fmla="*/ 1017527 w 1150338"/>
                <a:gd name="connsiteY26" fmla="*/ 252531 h 56840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</a:cxnLst>
              <a:rect l="l" t="t" r="r" b="b"/>
              <a:pathLst>
                <a:path w="1150338" h="568402">
                  <a:moveTo>
                    <a:pt x="1017527" y="252531"/>
                  </a:moveTo>
                  <a:cubicBezTo>
                    <a:pt x="998647" y="238524"/>
                    <a:pt x="978179" y="224720"/>
                    <a:pt x="956288" y="211254"/>
                  </a:cubicBezTo>
                  <a:cubicBezTo>
                    <a:pt x="963122" y="239708"/>
                    <a:pt x="966980" y="269346"/>
                    <a:pt x="967487" y="299763"/>
                  </a:cubicBezTo>
                  <a:cubicBezTo>
                    <a:pt x="970802" y="302131"/>
                    <a:pt x="974050" y="304499"/>
                    <a:pt x="977230" y="306868"/>
                  </a:cubicBezTo>
                  <a:cubicBezTo>
                    <a:pt x="1055522" y="364926"/>
                    <a:pt x="1082859" y="410939"/>
                    <a:pt x="1082859" y="438311"/>
                  </a:cubicBezTo>
                  <a:cubicBezTo>
                    <a:pt x="1082859" y="442134"/>
                    <a:pt x="1082317" y="445551"/>
                    <a:pt x="1081336" y="448630"/>
                  </a:cubicBezTo>
                  <a:cubicBezTo>
                    <a:pt x="1073284" y="473565"/>
                    <a:pt x="1025985" y="500700"/>
                    <a:pt x="917482" y="502628"/>
                  </a:cubicBezTo>
                  <a:cubicBezTo>
                    <a:pt x="916330" y="502662"/>
                    <a:pt x="915180" y="502696"/>
                    <a:pt x="913996" y="502696"/>
                  </a:cubicBezTo>
                  <a:cubicBezTo>
                    <a:pt x="806034" y="504083"/>
                    <a:pt x="670259" y="480433"/>
                    <a:pt x="531408" y="435976"/>
                  </a:cubicBezTo>
                  <a:cubicBezTo>
                    <a:pt x="529986" y="435536"/>
                    <a:pt x="528532" y="435097"/>
                    <a:pt x="527111" y="434623"/>
                  </a:cubicBezTo>
                  <a:cubicBezTo>
                    <a:pt x="386735" y="389286"/>
                    <a:pt x="261180" y="328555"/>
                    <a:pt x="173484" y="263527"/>
                  </a:cubicBezTo>
                  <a:cubicBezTo>
                    <a:pt x="167698" y="259264"/>
                    <a:pt x="162217" y="255035"/>
                    <a:pt x="157006" y="250907"/>
                  </a:cubicBezTo>
                  <a:cubicBezTo>
                    <a:pt x="81456" y="191022"/>
                    <a:pt x="61765" y="145347"/>
                    <a:pt x="69378" y="121799"/>
                  </a:cubicBezTo>
                  <a:cubicBezTo>
                    <a:pt x="77362" y="97066"/>
                    <a:pt x="123984" y="70169"/>
                    <a:pt x="230627" y="67868"/>
                  </a:cubicBezTo>
                  <a:cubicBezTo>
                    <a:pt x="248322" y="43474"/>
                    <a:pt x="268657" y="21110"/>
                    <a:pt x="291223" y="1250"/>
                  </a:cubicBezTo>
                  <a:cubicBezTo>
                    <a:pt x="272141" y="235"/>
                    <a:pt x="253668" y="-171"/>
                    <a:pt x="235838" y="66"/>
                  </a:cubicBezTo>
                  <a:cubicBezTo>
                    <a:pt x="105579" y="1757"/>
                    <a:pt x="25766" y="36673"/>
                    <a:pt x="4992" y="100991"/>
                  </a:cubicBezTo>
                  <a:cubicBezTo>
                    <a:pt x="-15782" y="165342"/>
                    <a:pt x="28540" y="240317"/>
                    <a:pt x="133187" y="317897"/>
                  </a:cubicBezTo>
                  <a:cubicBezTo>
                    <a:pt x="139919" y="322905"/>
                    <a:pt x="146856" y="327844"/>
                    <a:pt x="153995" y="332784"/>
                  </a:cubicBezTo>
                  <a:cubicBezTo>
                    <a:pt x="245819" y="396357"/>
                    <a:pt x="369751" y="454923"/>
                    <a:pt x="506302" y="499008"/>
                  </a:cubicBezTo>
                  <a:cubicBezTo>
                    <a:pt x="515674" y="502019"/>
                    <a:pt x="525013" y="504963"/>
                    <a:pt x="534385" y="507805"/>
                  </a:cubicBezTo>
                  <a:cubicBezTo>
                    <a:pt x="654020" y="544243"/>
                    <a:pt x="771152" y="565728"/>
                    <a:pt x="871332" y="569720"/>
                  </a:cubicBezTo>
                  <a:cubicBezTo>
                    <a:pt x="882735" y="570194"/>
                    <a:pt x="893934" y="570430"/>
                    <a:pt x="904895" y="570430"/>
                  </a:cubicBezTo>
                  <a:cubicBezTo>
                    <a:pt x="908245" y="570430"/>
                    <a:pt x="911561" y="570397"/>
                    <a:pt x="914876" y="570363"/>
                  </a:cubicBezTo>
                  <a:cubicBezTo>
                    <a:pt x="979971" y="569517"/>
                    <a:pt x="1032515" y="560348"/>
                    <a:pt x="1071356" y="543398"/>
                  </a:cubicBezTo>
                  <a:cubicBezTo>
                    <a:pt x="1110162" y="526413"/>
                    <a:pt x="1135336" y="501613"/>
                    <a:pt x="1145722" y="469438"/>
                  </a:cubicBezTo>
                  <a:cubicBezTo>
                    <a:pt x="1166496" y="405086"/>
                    <a:pt x="1122174" y="330077"/>
                    <a:pt x="1017527" y="252531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64" name="Group 263">
            <a:extLst>
              <a:ext uri="{FF2B5EF4-FFF2-40B4-BE49-F238E27FC236}">
                <a16:creationId xmlns="" xmlns:a16="http://schemas.microsoft.com/office/drawing/2014/main" id="{65FBBE3D-1765-3C99-9DF7-16C02F312FB6}"/>
              </a:ext>
            </a:extLst>
          </p:cNvPr>
          <p:cNvGrpSpPr/>
          <p:nvPr/>
        </p:nvGrpSpPr>
        <p:grpSpPr>
          <a:xfrm>
            <a:off x="5547824" y="685311"/>
            <a:ext cx="432486" cy="435021"/>
            <a:chOff x="10270276" y="6287643"/>
            <a:chExt cx="377425" cy="379637"/>
          </a:xfrm>
          <a:effectLst>
            <a:outerShdw blurRad="850900" sx="102000" sy="102000" algn="ctr" rotWithShape="0">
              <a:schemeClr val="bg2">
                <a:lumMod val="90000"/>
                <a:alpha val="79000"/>
              </a:schemeClr>
            </a:outerShdw>
          </a:effectLst>
        </p:grpSpPr>
        <p:sp>
          <p:nvSpPr>
            <p:cNvPr id="265" name="Freeform: Shape 264">
              <a:extLst>
                <a:ext uri="{FF2B5EF4-FFF2-40B4-BE49-F238E27FC236}">
                  <a16:creationId xmlns="" xmlns:a16="http://schemas.microsoft.com/office/drawing/2014/main" id="{3C37601E-228E-8306-4DFA-23FDAACB1EC3}"/>
                </a:ext>
              </a:extLst>
            </p:cNvPr>
            <p:cNvSpPr/>
            <p:nvPr/>
          </p:nvSpPr>
          <p:spPr>
            <a:xfrm>
              <a:off x="10270276" y="6287643"/>
              <a:ext cx="240218" cy="355252"/>
            </a:xfrm>
            <a:custGeom>
              <a:avLst/>
              <a:gdLst>
                <a:gd name="connsiteX0" fmla="*/ 96337 w 240217"/>
                <a:gd name="connsiteY0" fmla="*/ 355683 h 355251"/>
                <a:gd name="connsiteX1" fmla="*/ 10738 w 240217"/>
                <a:gd name="connsiteY1" fmla="*/ 253067 h 355251"/>
                <a:gd name="connsiteX2" fmla="*/ 317 w 240217"/>
                <a:gd name="connsiteY2" fmla="*/ 201064 h 355251"/>
                <a:gd name="connsiteX3" fmla="*/ 960 w 240217"/>
                <a:gd name="connsiteY3" fmla="*/ 171426 h 355251"/>
                <a:gd name="connsiteX4" fmla="*/ 9216 w 240217"/>
                <a:gd name="connsiteY4" fmla="*/ 131943 h 355251"/>
                <a:gd name="connsiteX5" fmla="*/ 14053 w 240217"/>
                <a:gd name="connsiteY5" fmla="*/ 118714 h 355251"/>
                <a:gd name="connsiteX6" fmla="*/ 39125 w 240217"/>
                <a:gd name="connsiteY6" fmla="*/ 74730 h 355251"/>
                <a:gd name="connsiteX7" fmla="*/ 57767 w 240217"/>
                <a:gd name="connsiteY7" fmla="*/ 53787 h 355251"/>
                <a:gd name="connsiteX8" fmla="*/ 57801 w 240217"/>
                <a:gd name="connsiteY8" fmla="*/ 53787 h 355251"/>
                <a:gd name="connsiteX9" fmla="*/ 242938 w 240217"/>
                <a:gd name="connsiteY9" fmla="*/ 7469 h 355251"/>
                <a:gd name="connsiteX10" fmla="*/ 242938 w 240217"/>
                <a:gd name="connsiteY10" fmla="*/ 7503 h 355251"/>
                <a:gd name="connsiteX11" fmla="*/ 177876 w 240217"/>
                <a:gd name="connsiteY11" fmla="*/ 102778 h 355251"/>
                <a:gd name="connsiteX12" fmla="*/ 166778 w 240217"/>
                <a:gd name="connsiteY12" fmla="*/ 244168 h 355251"/>
                <a:gd name="connsiteX13" fmla="*/ 96337 w 240217"/>
                <a:gd name="connsiteY13" fmla="*/ 355683 h 3552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</a:cxnLst>
              <a:rect l="l" t="t" r="r" b="b"/>
              <a:pathLst>
                <a:path w="240217" h="355251">
                  <a:moveTo>
                    <a:pt x="96337" y="355683"/>
                  </a:moveTo>
                  <a:cubicBezTo>
                    <a:pt x="55601" y="332609"/>
                    <a:pt x="25659" y="295697"/>
                    <a:pt x="10738" y="253067"/>
                  </a:cubicBezTo>
                  <a:cubicBezTo>
                    <a:pt x="4885" y="236420"/>
                    <a:pt x="1332" y="218962"/>
                    <a:pt x="317" y="201064"/>
                  </a:cubicBezTo>
                  <a:cubicBezTo>
                    <a:pt x="-258" y="191287"/>
                    <a:pt x="-55" y="181373"/>
                    <a:pt x="960" y="171426"/>
                  </a:cubicBezTo>
                  <a:cubicBezTo>
                    <a:pt x="2279" y="158265"/>
                    <a:pt x="4986" y="145036"/>
                    <a:pt x="9216" y="131943"/>
                  </a:cubicBezTo>
                  <a:cubicBezTo>
                    <a:pt x="10670" y="127443"/>
                    <a:pt x="12260" y="123011"/>
                    <a:pt x="14053" y="118714"/>
                  </a:cubicBezTo>
                  <a:cubicBezTo>
                    <a:pt x="20516" y="102677"/>
                    <a:pt x="29008" y="87925"/>
                    <a:pt x="39125" y="74730"/>
                  </a:cubicBezTo>
                  <a:cubicBezTo>
                    <a:pt x="44842" y="67253"/>
                    <a:pt x="51067" y="60250"/>
                    <a:pt x="57767" y="53787"/>
                  </a:cubicBezTo>
                  <a:lnTo>
                    <a:pt x="57801" y="53787"/>
                  </a:lnTo>
                  <a:cubicBezTo>
                    <a:pt x="105302" y="7740"/>
                    <a:pt x="175372" y="-12019"/>
                    <a:pt x="242938" y="7469"/>
                  </a:cubicBezTo>
                  <a:lnTo>
                    <a:pt x="242938" y="7503"/>
                  </a:lnTo>
                  <a:cubicBezTo>
                    <a:pt x="242938" y="7503"/>
                    <a:pt x="201085" y="39171"/>
                    <a:pt x="177876" y="102778"/>
                  </a:cubicBezTo>
                  <a:cubicBezTo>
                    <a:pt x="154666" y="166419"/>
                    <a:pt x="178822" y="201538"/>
                    <a:pt x="166778" y="244168"/>
                  </a:cubicBezTo>
                  <a:cubicBezTo>
                    <a:pt x="155274" y="284667"/>
                    <a:pt x="131489" y="338868"/>
                    <a:pt x="96337" y="355683"/>
                  </a:cubicBezTo>
                  <a:close/>
                </a:path>
              </a:pathLst>
            </a:custGeom>
            <a:solidFill>
              <a:srgbClr val="D3E0FD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6" name="Freeform: Shape 265">
              <a:extLst>
                <a:ext uri="{FF2B5EF4-FFF2-40B4-BE49-F238E27FC236}">
                  <a16:creationId xmlns="" xmlns:a16="http://schemas.microsoft.com/office/drawing/2014/main" id="{05BF5A2A-EC59-6AC9-B3BB-2B7596E11D1A}"/>
                </a:ext>
              </a:extLst>
            </p:cNvPr>
            <p:cNvSpPr/>
            <p:nvPr/>
          </p:nvSpPr>
          <p:spPr>
            <a:xfrm>
              <a:off x="10366612" y="6295112"/>
              <a:ext cx="280818" cy="372168"/>
            </a:xfrm>
            <a:custGeom>
              <a:avLst/>
              <a:gdLst>
                <a:gd name="connsiteX0" fmla="*/ 274965 w 280817"/>
                <a:gd name="connsiteY0" fmla="*/ 241064 h 372168"/>
                <a:gd name="connsiteX1" fmla="*/ 258217 w 280817"/>
                <a:gd name="connsiteY1" fmla="*/ 278653 h 372168"/>
                <a:gd name="connsiteX2" fmla="*/ 240827 w 280817"/>
                <a:gd name="connsiteY2" fmla="*/ 303656 h 372168"/>
                <a:gd name="connsiteX3" fmla="*/ 202832 w 280817"/>
                <a:gd name="connsiteY3" fmla="*/ 338707 h 372168"/>
                <a:gd name="connsiteX4" fmla="*/ 35627 w 280817"/>
                <a:gd name="connsiteY4" fmla="*/ 363845 h 372168"/>
                <a:gd name="connsiteX5" fmla="*/ 0 w 280817"/>
                <a:gd name="connsiteY5" fmla="*/ 348214 h 372168"/>
                <a:gd name="connsiteX6" fmla="*/ 70340 w 280817"/>
                <a:gd name="connsiteY6" fmla="*/ 236699 h 372168"/>
                <a:gd name="connsiteX7" fmla="*/ 81437 w 280817"/>
                <a:gd name="connsiteY7" fmla="*/ 95309 h 372168"/>
                <a:gd name="connsiteX8" fmla="*/ 146499 w 280817"/>
                <a:gd name="connsiteY8" fmla="*/ 34 h 372168"/>
                <a:gd name="connsiteX9" fmla="*/ 146499 w 280817"/>
                <a:gd name="connsiteY9" fmla="*/ 0 h 372168"/>
                <a:gd name="connsiteX10" fmla="*/ 152149 w 280817"/>
                <a:gd name="connsiteY10" fmla="*/ 1726 h 372168"/>
                <a:gd name="connsiteX11" fmla="*/ 283998 w 280817"/>
                <a:gd name="connsiteY11" fmla="*/ 175799 h 372168"/>
                <a:gd name="connsiteX12" fmla="*/ 282239 w 280817"/>
                <a:gd name="connsiteY12" fmla="*/ 209395 h 372168"/>
                <a:gd name="connsiteX13" fmla="*/ 276182 w 280817"/>
                <a:gd name="connsiteY13" fmla="*/ 237071 h 372168"/>
                <a:gd name="connsiteX14" fmla="*/ 274965 w 280817"/>
                <a:gd name="connsiteY14" fmla="*/ 241064 h 37216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280817" h="372168">
                  <a:moveTo>
                    <a:pt x="274965" y="241064"/>
                  </a:moveTo>
                  <a:cubicBezTo>
                    <a:pt x="270668" y="254428"/>
                    <a:pt x="265018" y="267014"/>
                    <a:pt x="258217" y="278653"/>
                  </a:cubicBezTo>
                  <a:cubicBezTo>
                    <a:pt x="253041" y="287517"/>
                    <a:pt x="247222" y="295874"/>
                    <a:pt x="240827" y="303656"/>
                  </a:cubicBezTo>
                  <a:cubicBezTo>
                    <a:pt x="229763" y="317155"/>
                    <a:pt x="216940" y="328895"/>
                    <a:pt x="202832" y="338707"/>
                  </a:cubicBezTo>
                  <a:cubicBezTo>
                    <a:pt x="155803" y="371525"/>
                    <a:pt x="94463" y="382758"/>
                    <a:pt x="35627" y="363845"/>
                  </a:cubicBezTo>
                  <a:cubicBezTo>
                    <a:pt x="23007" y="359785"/>
                    <a:pt x="11097" y="354507"/>
                    <a:pt x="0" y="348214"/>
                  </a:cubicBezTo>
                  <a:cubicBezTo>
                    <a:pt x="35153" y="331365"/>
                    <a:pt x="58904" y="277198"/>
                    <a:pt x="70340" y="236699"/>
                  </a:cubicBezTo>
                  <a:cubicBezTo>
                    <a:pt x="82385" y="194069"/>
                    <a:pt x="58227" y="158950"/>
                    <a:pt x="81437" y="95309"/>
                  </a:cubicBezTo>
                  <a:cubicBezTo>
                    <a:pt x="104647" y="31668"/>
                    <a:pt x="146499" y="34"/>
                    <a:pt x="146499" y="34"/>
                  </a:cubicBezTo>
                  <a:lnTo>
                    <a:pt x="146499" y="0"/>
                  </a:lnTo>
                  <a:cubicBezTo>
                    <a:pt x="148394" y="541"/>
                    <a:pt x="150288" y="1116"/>
                    <a:pt x="152149" y="1726"/>
                  </a:cubicBezTo>
                  <a:cubicBezTo>
                    <a:pt x="230440" y="26931"/>
                    <a:pt x="281157" y="98083"/>
                    <a:pt x="283998" y="175799"/>
                  </a:cubicBezTo>
                  <a:cubicBezTo>
                    <a:pt x="284404" y="186896"/>
                    <a:pt x="283863" y="198129"/>
                    <a:pt x="282239" y="209395"/>
                  </a:cubicBezTo>
                  <a:cubicBezTo>
                    <a:pt x="280920" y="218632"/>
                    <a:pt x="278923" y="227869"/>
                    <a:pt x="276182" y="237071"/>
                  </a:cubicBezTo>
                  <a:cubicBezTo>
                    <a:pt x="275811" y="238425"/>
                    <a:pt x="275370" y="239744"/>
                    <a:pt x="274965" y="241064"/>
                  </a:cubicBezTo>
                  <a:close/>
                </a:path>
              </a:pathLst>
            </a:custGeom>
            <a:solidFill>
              <a:srgbClr val="E3E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7" name="Freeform: Shape 266">
              <a:extLst>
                <a:ext uri="{FF2B5EF4-FFF2-40B4-BE49-F238E27FC236}">
                  <a16:creationId xmlns="" xmlns:a16="http://schemas.microsoft.com/office/drawing/2014/main" id="{4BC264A0-9151-9747-D7F6-BA4FC5DBC6DC}"/>
                </a:ext>
              </a:extLst>
            </p:cNvPr>
            <p:cNvSpPr/>
            <p:nvPr/>
          </p:nvSpPr>
          <p:spPr>
            <a:xfrm>
              <a:off x="10309366" y="6341498"/>
              <a:ext cx="338335" cy="162401"/>
            </a:xfrm>
            <a:custGeom>
              <a:avLst/>
              <a:gdLst>
                <a:gd name="connsiteX0" fmla="*/ 339519 w 338334"/>
                <a:gd name="connsiteY0" fmla="*/ 163044 h 162400"/>
                <a:gd name="connsiteX1" fmla="*/ 214470 w 338334"/>
                <a:gd name="connsiteY1" fmla="*/ 115914 h 162400"/>
                <a:gd name="connsiteX2" fmla="*/ 122206 w 338334"/>
                <a:gd name="connsiteY2" fmla="*/ 86783 h 162400"/>
                <a:gd name="connsiteX3" fmla="*/ 35660 w 338334"/>
                <a:gd name="connsiteY3" fmla="*/ 38841 h 162400"/>
                <a:gd name="connsiteX4" fmla="*/ 0 w 338334"/>
                <a:gd name="connsiteY4" fmla="*/ 20943 h 162400"/>
                <a:gd name="connsiteX5" fmla="*/ 18642 w 338334"/>
                <a:gd name="connsiteY5" fmla="*/ 0 h 162400"/>
                <a:gd name="connsiteX6" fmla="*/ 18676 w 338334"/>
                <a:gd name="connsiteY6" fmla="*/ 0 h 162400"/>
                <a:gd name="connsiteX7" fmla="*/ 106034 w 338334"/>
                <a:gd name="connsiteY7" fmla="*/ 33022 h 162400"/>
                <a:gd name="connsiteX8" fmla="*/ 193358 w 338334"/>
                <a:gd name="connsiteY8" fmla="*/ 73960 h 162400"/>
                <a:gd name="connsiteX9" fmla="*/ 302911 w 338334"/>
                <a:gd name="connsiteY9" fmla="*/ 101399 h 162400"/>
                <a:gd name="connsiteX10" fmla="*/ 341278 w 338334"/>
                <a:gd name="connsiteY10" fmla="*/ 129515 h 162400"/>
                <a:gd name="connsiteX11" fmla="*/ 339519 w 338334"/>
                <a:gd name="connsiteY11" fmla="*/ 163044 h 1624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38334" h="162400">
                  <a:moveTo>
                    <a:pt x="339519" y="163044"/>
                  </a:moveTo>
                  <a:cubicBezTo>
                    <a:pt x="312689" y="153672"/>
                    <a:pt x="254495" y="132966"/>
                    <a:pt x="214470" y="115914"/>
                  </a:cubicBezTo>
                  <a:cubicBezTo>
                    <a:pt x="160945" y="93110"/>
                    <a:pt x="159254" y="93110"/>
                    <a:pt x="122206" y="86783"/>
                  </a:cubicBezTo>
                  <a:cubicBezTo>
                    <a:pt x="85159" y="80456"/>
                    <a:pt x="59209" y="54810"/>
                    <a:pt x="35660" y="38841"/>
                  </a:cubicBezTo>
                  <a:cubicBezTo>
                    <a:pt x="24563" y="31330"/>
                    <a:pt x="11808" y="25409"/>
                    <a:pt x="0" y="20943"/>
                  </a:cubicBezTo>
                  <a:cubicBezTo>
                    <a:pt x="5718" y="13466"/>
                    <a:pt x="11943" y="6462"/>
                    <a:pt x="18642" y="0"/>
                  </a:cubicBezTo>
                  <a:lnTo>
                    <a:pt x="18676" y="0"/>
                  </a:lnTo>
                  <a:cubicBezTo>
                    <a:pt x="18676" y="0"/>
                    <a:pt x="61137" y="710"/>
                    <a:pt x="106034" y="33022"/>
                  </a:cubicBezTo>
                  <a:cubicBezTo>
                    <a:pt x="150897" y="65332"/>
                    <a:pt x="142405" y="70983"/>
                    <a:pt x="193358" y="73960"/>
                  </a:cubicBezTo>
                  <a:cubicBezTo>
                    <a:pt x="244311" y="76937"/>
                    <a:pt x="276487" y="81133"/>
                    <a:pt x="302911" y="101399"/>
                  </a:cubicBezTo>
                  <a:cubicBezTo>
                    <a:pt x="319218" y="113884"/>
                    <a:pt x="329233" y="123425"/>
                    <a:pt x="341278" y="129515"/>
                  </a:cubicBezTo>
                  <a:cubicBezTo>
                    <a:pt x="341684" y="140544"/>
                    <a:pt x="341109" y="151777"/>
                    <a:pt x="339519" y="163044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8" name="Freeform: Shape 267">
              <a:extLst>
                <a:ext uri="{FF2B5EF4-FFF2-40B4-BE49-F238E27FC236}">
                  <a16:creationId xmlns="" xmlns:a16="http://schemas.microsoft.com/office/drawing/2014/main" id="{6224D6FB-E696-897C-5F4B-8BB26A0D93AB}"/>
                </a:ext>
              </a:extLst>
            </p:cNvPr>
            <p:cNvSpPr/>
            <p:nvPr/>
          </p:nvSpPr>
          <p:spPr>
            <a:xfrm>
              <a:off x="10271202" y="6406391"/>
              <a:ext cx="368785" cy="165784"/>
            </a:xfrm>
            <a:custGeom>
              <a:avLst/>
              <a:gdLst>
                <a:gd name="connsiteX0" fmla="*/ 370375 w 368784"/>
                <a:gd name="connsiteY0" fmla="*/ 129785 h 165784"/>
                <a:gd name="connsiteX1" fmla="*/ 353628 w 368784"/>
                <a:gd name="connsiteY1" fmla="*/ 167374 h 165784"/>
                <a:gd name="connsiteX2" fmla="*/ 271649 w 368784"/>
                <a:gd name="connsiteY2" fmla="*/ 135875 h 165784"/>
                <a:gd name="connsiteX3" fmla="*/ 130631 w 368784"/>
                <a:gd name="connsiteY3" fmla="*/ 91621 h 165784"/>
                <a:gd name="connsiteX4" fmla="*/ 18304 w 368784"/>
                <a:gd name="connsiteY4" fmla="*/ 55453 h 165784"/>
                <a:gd name="connsiteX5" fmla="*/ 0 w 368784"/>
                <a:gd name="connsiteY5" fmla="*/ 52713 h 165784"/>
                <a:gd name="connsiteX6" fmla="*/ 8255 w 368784"/>
                <a:gd name="connsiteY6" fmla="*/ 13229 h 165784"/>
                <a:gd name="connsiteX7" fmla="*/ 13093 w 368784"/>
                <a:gd name="connsiteY7" fmla="*/ 0 h 165784"/>
                <a:gd name="connsiteX8" fmla="*/ 134826 w 368784"/>
                <a:gd name="connsiteY8" fmla="*/ 38773 h 165784"/>
                <a:gd name="connsiteX9" fmla="*/ 260552 w 368784"/>
                <a:gd name="connsiteY9" fmla="*/ 83704 h 165784"/>
                <a:gd name="connsiteX10" fmla="*/ 371626 w 368784"/>
                <a:gd name="connsiteY10" fmla="*/ 125827 h 165784"/>
                <a:gd name="connsiteX11" fmla="*/ 370375 w 368784"/>
                <a:gd name="connsiteY11" fmla="*/ 129785 h 1657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68784" h="165784">
                  <a:moveTo>
                    <a:pt x="370375" y="129785"/>
                  </a:moveTo>
                  <a:cubicBezTo>
                    <a:pt x="366078" y="143149"/>
                    <a:pt x="360428" y="155736"/>
                    <a:pt x="353628" y="167374"/>
                  </a:cubicBezTo>
                  <a:cubicBezTo>
                    <a:pt x="333530" y="160337"/>
                    <a:pt x="305381" y="149747"/>
                    <a:pt x="271649" y="135875"/>
                  </a:cubicBezTo>
                  <a:cubicBezTo>
                    <a:pt x="203103" y="107658"/>
                    <a:pt x="178809" y="101534"/>
                    <a:pt x="130631" y="91621"/>
                  </a:cubicBezTo>
                  <a:cubicBezTo>
                    <a:pt x="82452" y="81708"/>
                    <a:pt x="68377" y="87223"/>
                    <a:pt x="18304" y="55453"/>
                  </a:cubicBezTo>
                  <a:cubicBezTo>
                    <a:pt x="18304" y="55453"/>
                    <a:pt x="10623" y="54810"/>
                    <a:pt x="0" y="52713"/>
                  </a:cubicBezTo>
                  <a:cubicBezTo>
                    <a:pt x="1319" y="39551"/>
                    <a:pt x="4026" y="26322"/>
                    <a:pt x="8255" y="13229"/>
                  </a:cubicBezTo>
                  <a:cubicBezTo>
                    <a:pt x="9710" y="8729"/>
                    <a:pt x="11300" y="4297"/>
                    <a:pt x="13093" y="0"/>
                  </a:cubicBezTo>
                  <a:cubicBezTo>
                    <a:pt x="36032" y="13060"/>
                    <a:pt x="83028" y="35965"/>
                    <a:pt x="134826" y="38773"/>
                  </a:cubicBezTo>
                  <a:cubicBezTo>
                    <a:pt x="207839" y="42698"/>
                    <a:pt x="226008" y="60867"/>
                    <a:pt x="260552" y="83704"/>
                  </a:cubicBezTo>
                  <a:cubicBezTo>
                    <a:pt x="286197" y="100688"/>
                    <a:pt x="339552" y="117876"/>
                    <a:pt x="371626" y="125827"/>
                  </a:cubicBezTo>
                  <a:cubicBezTo>
                    <a:pt x="371221" y="127146"/>
                    <a:pt x="370781" y="128466"/>
                    <a:pt x="370375" y="129785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69" name="Freeform: Shape 268">
              <a:extLst>
                <a:ext uri="{FF2B5EF4-FFF2-40B4-BE49-F238E27FC236}">
                  <a16:creationId xmlns="" xmlns:a16="http://schemas.microsoft.com/office/drawing/2014/main" id="{48E8215E-9736-2878-07C1-271DA4EE12F3}"/>
                </a:ext>
              </a:extLst>
            </p:cNvPr>
            <p:cNvSpPr/>
            <p:nvPr/>
          </p:nvSpPr>
          <p:spPr>
            <a:xfrm>
              <a:off x="10270592" y="6488708"/>
              <a:ext cx="334951" cy="142101"/>
            </a:xfrm>
            <a:custGeom>
              <a:avLst/>
              <a:gdLst>
                <a:gd name="connsiteX0" fmla="*/ 336846 w 334951"/>
                <a:gd name="connsiteY0" fmla="*/ 110060 h 142100"/>
                <a:gd name="connsiteX1" fmla="*/ 298851 w 334951"/>
                <a:gd name="connsiteY1" fmla="*/ 145112 h 142100"/>
                <a:gd name="connsiteX2" fmla="*/ 196167 w 334951"/>
                <a:gd name="connsiteY2" fmla="*/ 112259 h 142100"/>
                <a:gd name="connsiteX3" fmla="*/ 37894 w 334951"/>
                <a:gd name="connsiteY3" fmla="*/ 57415 h 142100"/>
                <a:gd name="connsiteX4" fmla="*/ 10421 w 334951"/>
                <a:gd name="connsiteY4" fmla="*/ 52002 h 142100"/>
                <a:gd name="connsiteX5" fmla="*/ 0 w 334951"/>
                <a:gd name="connsiteY5" fmla="*/ 0 h 142100"/>
                <a:gd name="connsiteX6" fmla="*/ 62897 w 334951"/>
                <a:gd name="connsiteY6" fmla="*/ 21315 h 142100"/>
                <a:gd name="connsiteX7" fmla="*/ 212001 w 334951"/>
                <a:gd name="connsiteY7" fmla="*/ 71659 h 142100"/>
                <a:gd name="connsiteX8" fmla="*/ 327508 w 334951"/>
                <a:gd name="connsiteY8" fmla="*/ 103226 h 142100"/>
                <a:gd name="connsiteX9" fmla="*/ 336846 w 334951"/>
                <a:gd name="connsiteY9" fmla="*/ 110060 h 1421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334951" h="142100">
                  <a:moveTo>
                    <a:pt x="336846" y="110060"/>
                  </a:moveTo>
                  <a:cubicBezTo>
                    <a:pt x="325783" y="123560"/>
                    <a:pt x="312960" y="135300"/>
                    <a:pt x="298851" y="145112"/>
                  </a:cubicBezTo>
                  <a:cubicBezTo>
                    <a:pt x="266913" y="136653"/>
                    <a:pt x="230237" y="125658"/>
                    <a:pt x="196167" y="112259"/>
                  </a:cubicBezTo>
                  <a:cubicBezTo>
                    <a:pt x="109418" y="78189"/>
                    <a:pt x="89626" y="68479"/>
                    <a:pt x="37894" y="57415"/>
                  </a:cubicBezTo>
                  <a:cubicBezTo>
                    <a:pt x="27405" y="55182"/>
                    <a:pt x="18372" y="53457"/>
                    <a:pt x="10421" y="52002"/>
                  </a:cubicBezTo>
                  <a:cubicBezTo>
                    <a:pt x="4568" y="35356"/>
                    <a:pt x="1015" y="17898"/>
                    <a:pt x="0" y="0"/>
                  </a:cubicBezTo>
                  <a:cubicBezTo>
                    <a:pt x="15192" y="2301"/>
                    <a:pt x="36270" y="8052"/>
                    <a:pt x="62897" y="21315"/>
                  </a:cubicBezTo>
                  <a:cubicBezTo>
                    <a:pt x="123053" y="51292"/>
                    <a:pt x="185577" y="70543"/>
                    <a:pt x="212001" y="71659"/>
                  </a:cubicBezTo>
                  <a:cubicBezTo>
                    <a:pt x="238425" y="72776"/>
                    <a:pt x="297532" y="83569"/>
                    <a:pt x="327508" y="103226"/>
                  </a:cubicBezTo>
                  <a:cubicBezTo>
                    <a:pt x="330655" y="105290"/>
                    <a:pt x="333768" y="107590"/>
                    <a:pt x="336846" y="110060"/>
                  </a:cubicBezTo>
                  <a:close/>
                </a:path>
              </a:pathLst>
            </a:custGeom>
            <a:solidFill>
              <a:srgbClr val="B2CDF9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70" name="Group 269">
            <a:extLst>
              <a:ext uri="{FF2B5EF4-FFF2-40B4-BE49-F238E27FC236}">
                <a16:creationId xmlns="" xmlns:a16="http://schemas.microsoft.com/office/drawing/2014/main" id="{14677183-649E-5C6F-8692-F8034FCCAD1E}"/>
              </a:ext>
            </a:extLst>
          </p:cNvPr>
          <p:cNvGrpSpPr/>
          <p:nvPr/>
        </p:nvGrpSpPr>
        <p:grpSpPr>
          <a:xfrm>
            <a:off x="5819106" y="3071607"/>
            <a:ext cx="921920" cy="924028"/>
            <a:chOff x="11460990" y="6356825"/>
            <a:chExt cx="804547" cy="806387"/>
          </a:xfrm>
          <a:effectLst>
            <a:outerShdw blurRad="1181100" sx="102000" sy="102000" algn="ctr" rotWithShape="0">
              <a:schemeClr val="accent3">
                <a:alpha val="95000"/>
              </a:schemeClr>
            </a:outerShdw>
          </a:effectLst>
        </p:grpSpPr>
        <p:sp>
          <p:nvSpPr>
            <p:cNvPr id="271" name="Freeform: Shape 270">
              <a:extLst>
                <a:ext uri="{FF2B5EF4-FFF2-40B4-BE49-F238E27FC236}">
                  <a16:creationId xmlns="" xmlns:a16="http://schemas.microsoft.com/office/drawing/2014/main" id="{16466CC7-9113-BC00-3385-004A50E91E9B}"/>
                </a:ext>
              </a:extLst>
            </p:cNvPr>
            <p:cNvSpPr/>
            <p:nvPr/>
          </p:nvSpPr>
          <p:spPr>
            <a:xfrm>
              <a:off x="11483219" y="6892211"/>
              <a:ext cx="389085" cy="98117"/>
            </a:xfrm>
            <a:custGeom>
              <a:avLst/>
              <a:gdLst>
                <a:gd name="connsiteX0" fmla="*/ 385702 w 389085"/>
                <a:gd name="connsiteY0" fmla="*/ 1246 h 98117"/>
                <a:gd name="connsiteX1" fmla="*/ 392333 w 389085"/>
                <a:gd name="connsiteY1" fmla="*/ 99262 h 98117"/>
                <a:gd name="connsiteX2" fmla="*/ 209226 w 389085"/>
                <a:gd name="connsiteY2" fmla="*/ 96589 h 98117"/>
                <a:gd name="connsiteX3" fmla="*/ 120921 w 389085"/>
                <a:gd name="connsiteY3" fmla="*/ 80958 h 98117"/>
                <a:gd name="connsiteX4" fmla="*/ 35762 w 389085"/>
                <a:gd name="connsiteY4" fmla="*/ 76323 h 98117"/>
                <a:gd name="connsiteX5" fmla="*/ 0 w 389085"/>
                <a:gd name="connsiteY5" fmla="*/ 163 h 98117"/>
                <a:gd name="connsiteX6" fmla="*/ 67971 w 389085"/>
                <a:gd name="connsiteY6" fmla="*/ 15152 h 98117"/>
                <a:gd name="connsiteX7" fmla="*/ 247593 w 389085"/>
                <a:gd name="connsiteY7" fmla="*/ 7370 h 98117"/>
                <a:gd name="connsiteX8" fmla="*/ 385702 w 389085"/>
                <a:gd name="connsiteY8" fmla="*/ 1246 h 981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89085" h="98117">
                  <a:moveTo>
                    <a:pt x="385702" y="1246"/>
                  </a:moveTo>
                  <a:cubicBezTo>
                    <a:pt x="390472" y="37042"/>
                    <a:pt x="392638" y="69488"/>
                    <a:pt x="392333" y="99262"/>
                  </a:cubicBezTo>
                  <a:cubicBezTo>
                    <a:pt x="331297" y="100345"/>
                    <a:pt x="270025" y="103288"/>
                    <a:pt x="209226" y="96589"/>
                  </a:cubicBezTo>
                  <a:cubicBezTo>
                    <a:pt x="179453" y="93273"/>
                    <a:pt x="150559" y="85221"/>
                    <a:pt x="120921" y="80958"/>
                  </a:cubicBezTo>
                  <a:cubicBezTo>
                    <a:pt x="92636" y="76864"/>
                    <a:pt x="64080" y="78996"/>
                    <a:pt x="35762" y="76323"/>
                  </a:cubicBezTo>
                  <a:cubicBezTo>
                    <a:pt x="21315" y="52436"/>
                    <a:pt x="9270" y="26960"/>
                    <a:pt x="0" y="163"/>
                  </a:cubicBezTo>
                  <a:cubicBezTo>
                    <a:pt x="21822" y="7945"/>
                    <a:pt x="44017" y="12411"/>
                    <a:pt x="67971" y="15152"/>
                  </a:cubicBezTo>
                  <a:cubicBezTo>
                    <a:pt x="127891" y="22020"/>
                    <a:pt x="188080" y="14001"/>
                    <a:pt x="247593" y="7370"/>
                  </a:cubicBezTo>
                  <a:cubicBezTo>
                    <a:pt x="293404" y="2261"/>
                    <a:pt x="339722" y="-2272"/>
                    <a:pt x="385702" y="1246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2" name="Freeform: Shape 271">
              <a:extLst>
                <a:ext uri="{FF2B5EF4-FFF2-40B4-BE49-F238E27FC236}">
                  <a16:creationId xmlns="" xmlns:a16="http://schemas.microsoft.com/office/drawing/2014/main" id="{3E469729-7C2F-7D91-4539-735C658BF1E1}"/>
                </a:ext>
              </a:extLst>
            </p:cNvPr>
            <p:cNvSpPr/>
            <p:nvPr/>
          </p:nvSpPr>
          <p:spPr>
            <a:xfrm>
              <a:off x="11460990" y="6737282"/>
              <a:ext cx="389085" cy="81200"/>
            </a:xfrm>
            <a:custGeom>
              <a:avLst/>
              <a:gdLst>
                <a:gd name="connsiteX0" fmla="*/ 381371 w 389085"/>
                <a:gd name="connsiteY0" fmla="*/ 21484 h 81200"/>
                <a:gd name="connsiteX1" fmla="*/ 391521 w 389085"/>
                <a:gd name="connsiteY1" fmla="*/ 64825 h 81200"/>
                <a:gd name="connsiteX2" fmla="*/ 288803 w 389085"/>
                <a:gd name="connsiteY2" fmla="*/ 68885 h 81200"/>
                <a:gd name="connsiteX3" fmla="*/ 118451 w 389085"/>
                <a:gd name="connsiteY3" fmla="*/ 80930 h 81200"/>
                <a:gd name="connsiteX4" fmla="*/ 42698 w 389085"/>
                <a:gd name="connsiteY4" fmla="*/ 65468 h 81200"/>
                <a:gd name="connsiteX5" fmla="*/ 575 w 389085"/>
                <a:gd name="connsiteY5" fmla="*/ 44288 h 81200"/>
                <a:gd name="connsiteX6" fmla="*/ 0 w 389085"/>
                <a:gd name="connsiteY6" fmla="*/ 22804 h 81200"/>
                <a:gd name="connsiteX7" fmla="*/ 677 w 389085"/>
                <a:gd name="connsiteY7" fmla="*/ 0 h 81200"/>
                <a:gd name="connsiteX8" fmla="*/ 23853 w 389085"/>
                <a:gd name="connsiteY8" fmla="*/ 6868 h 81200"/>
                <a:gd name="connsiteX9" fmla="*/ 114391 w 389085"/>
                <a:gd name="connsiteY9" fmla="*/ 3722 h 81200"/>
                <a:gd name="connsiteX10" fmla="*/ 121090 w 389085"/>
                <a:gd name="connsiteY10" fmla="*/ 2707 h 81200"/>
                <a:gd name="connsiteX11" fmla="*/ 125015 w 389085"/>
                <a:gd name="connsiteY11" fmla="*/ 2538 h 81200"/>
                <a:gd name="connsiteX12" fmla="*/ 141864 w 389085"/>
                <a:gd name="connsiteY12" fmla="*/ 3248 h 81200"/>
                <a:gd name="connsiteX13" fmla="*/ 143758 w 389085"/>
                <a:gd name="connsiteY13" fmla="*/ 3586 h 81200"/>
                <a:gd name="connsiteX14" fmla="*/ 156243 w 389085"/>
                <a:gd name="connsiteY14" fmla="*/ 6124 h 81200"/>
                <a:gd name="connsiteX15" fmla="*/ 178066 w 389085"/>
                <a:gd name="connsiteY15" fmla="*/ 11334 h 81200"/>
                <a:gd name="connsiteX16" fmla="*/ 271446 w 389085"/>
                <a:gd name="connsiteY16" fmla="*/ 27338 h 81200"/>
                <a:gd name="connsiteX17" fmla="*/ 353391 w 389085"/>
                <a:gd name="connsiteY17" fmla="*/ 25274 h 81200"/>
                <a:gd name="connsiteX18" fmla="*/ 381371 w 389085"/>
                <a:gd name="connsiteY18" fmla="*/ 21484 h 812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89085" h="81200">
                  <a:moveTo>
                    <a:pt x="381371" y="21484"/>
                  </a:moveTo>
                  <a:cubicBezTo>
                    <a:pt x="385093" y="36405"/>
                    <a:pt x="388476" y="50818"/>
                    <a:pt x="391521" y="64825"/>
                  </a:cubicBezTo>
                  <a:cubicBezTo>
                    <a:pt x="357484" y="63607"/>
                    <a:pt x="323482" y="65231"/>
                    <a:pt x="288803" y="68885"/>
                  </a:cubicBezTo>
                  <a:cubicBezTo>
                    <a:pt x="232200" y="74806"/>
                    <a:pt x="175495" y="83399"/>
                    <a:pt x="118451" y="80930"/>
                  </a:cubicBezTo>
                  <a:cubicBezTo>
                    <a:pt x="92771" y="79813"/>
                    <a:pt x="63336" y="75618"/>
                    <a:pt x="42698" y="65468"/>
                  </a:cubicBezTo>
                  <a:cubicBezTo>
                    <a:pt x="28657" y="58600"/>
                    <a:pt x="14819" y="50885"/>
                    <a:pt x="575" y="44288"/>
                  </a:cubicBezTo>
                  <a:cubicBezTo>
                    <a:pt x="203" y="37183"/>
                    <a:pt x="0" y="30010"/>
                    <a:pt x="0" y="22804"/>
                  </a:cubicBezTo>
                  <a:cubicBezTo>
                    <a:pt x="0" y="15157"/>
                    <a:pt x="203" y="7545"/>
                    <a:pt x="677" y="0"/>
                  </a:cubicBezTo>
                  <a:cubicBezTo>
                    <a:pt x="8154" y="2943"/>
                    <a:pt x="15902" y="5244"/>
                    <a:pt x="23853" y="6868"/>
                  </a:cubicBezTo>
                  <a:cubicBezTo>
                    <a:pt x="55115" y="13195"/>
                    <a:pt x="83467" y="9913"/>
                    <a:pt x="114391" y="3722"/>
                  </a:cubicBezTo>
                  <a:cubicBezTo>
                    <a:pt x="115169" y="3552"/>
                    <a:pt x="118891" y="3045"/>
                    <a:pt x="121090" y="2707"/>
                  </a:cubicBezTo>
                  <a:cubicBezTo>
                    <a:pt x="122850" y="2639"/>
                    <a:pt x="124947" y="2538"/>
                    <a:pt x="125015" y="2538"/>
                  </a:cubicBezTo>
                  <a:cubicBezTo>
                    <a:pt x="130665" y="2639"/>
                    <a:pt x="136281" y="2707"/>
                    <a:pt x="141864" y="3248"/>
                  </a:cubicBezTo>
                  <a:cubicBezTo>
                    <a:pt x="142372" y="3316"/>
                    <a:pt x="142980" y="3451"/>
                    <a:pt x="143758" y="3586"/>
                  </a:cubicBezTo>
                  <a:cubicBezTo>
                    <a:pt x="147954" y="4364"/>
                    <a:pt x="152115" y="5210"/>
                    <a:pt x="156243" y="6124"/>
                  </a:cubicBezTo>
                  <a:cubicBezTo>
                    <a:pt x="163551" y="7714"/>
                    <a:pt x="170825" y="9541"/>
                    <a:pt x="178066" y="11334"/>
                  </a:cubicBezTo>
                  <a:cubicBezTo>
                    <a:pt x="208820" y="19014"/>
                    <a:pt x="239778" y="24800"/>
                    <a:pt x="271446" y="27338"/>
                  </a:cubicBezTo>
                  <a:cubicBezTo>
                    <a:pt x="298784" y="29537"/>
                    <a:pt x="326188" y="28657"/>
                    <a:pt x="353391" y="25274"/>
                  </a:cubicBezTo>
                  <a:cubicBezTo>
                    <a:pt x="362729" y="24123"/>
                    <a:pt x="372067" y="22838"/>
                    <a:pt x="381371" y="2148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3" name="Freeform: Shape 272">
              <a:extLst>
                <a:ext uri="{FF2B5EF4-FFF2-40B4-BE49-F238E27FC236}">
                  <a16:creationId xmlns="" xmlns:a16="http://schemas.microsoft.com/office/drawing/2014/main" id="{9001E601-63D9-FBBA-1E89-D07674487E21}"/>
                </a:ext>
              </a:extLst>
            </p:cNvPr>
            <p:cNvSpPr/>
            <p:nvPr/>
          </p:nvSpPr>
          <p:spPr>
            <a:xfrm>
              <a:off x="11487313" y="6554311"/>
              <a:ext cx="324801" cy="91350"/>
            </a:xfrm>
            <a:custGeom>
              <a:avLst/>
              <a:gdLst>
                <a:gd name="connsiteX0" fmla="*/ 327948 w 324801"/>
                <a:gd name="connsiteY0" fmla="*/ 89659 h 91350"/>
                <a:gd name="connsiteX1" fmla="*/ 322737 w 324801"/>
                <a:gd name="connsiteY1" fmla="*/ 90403 h 91350"/>
                <a:gd name="connsiteX2" fmla="*/ 310997 w 324801"/>
                <a:gd name="connsiteY2" fmla="*/ 91621 h 91350"/>
                <a:gd name="connsiteX3" fmla="*/ 289039 w 324801"/>
                <a:gd name="connsiteY3" fmla="*/ 92941 h 91350"/>
                <a:gd name="connsiteX4" fmla="*/ 251383 w 324801"/>
                <a:gd name="connsiteY4" fmla="*/ 92365 h 91350"/>
                <a:gd name="connsiteX5" fmla="*/ 232605 w 324801"/>
                <a:gd name="connsiteY5" fmla="*/ 90708 h 91350"/>
                <a:gd name="connsiteX6" fmla="*/ 232064 w 324801"/>
                <a:gd name="connsiteY6" fmla="*/ 90640 h 91350"/>
                <a:gd name="connsiteX7" fmla="*/ 220391 w 324801"/>
                <a:gd name="connsiteY7" fmla="*/ 88644 h 91350"/>
                <a:gd name="connsiteX8" fmla="*/ 139529 w 324801"/>
                <a:gd name="connsiteY8" fmla="*/ 70847 h 91350"/>
                <a:gd name="connsiteX9" fmla="*/ 86106 w 324801"/>
                <a:gd name="connsiteY9" fmla="*/ 68005 h 91350"/>
                <a:gd name="connsiteX10" fmla="*/ 40499 w 324801"/>
                <a:gd name="connsiteY10" fmla="*/ 75889 h 91350"/>
                <a:gd name="connsiteX11" fmla="*/ 36980 w 324801"/>
                <a:gd name="connsiteY11" fmla="*/ 75753 h 91350"/>
                <a:gd name="connsiteX12" fmla="*/ 28386 w 324801"/>
                <a:gd name="connsiteY12" fmla="*/ 75482 h 91350"/>
                <a:gd name="connsiteX13" fmla="*/ 18710 w 324801"/>
                <a:gd name="connsiteY13" fmla="*/ 73080 h 91350"/>
                <a:gd name="connsiteX14" fmla="*/ 13533 w 324801"/>
                <a:gd name="connsiteY14" fmla="*/ 71321 h 91350"/>
                <a:gd name="connsiteX15" fmla="*/ 10894 w 324801"/>
                <a:gd name="connsiteY15" fmla="*/ 69798 h 91350"/>
                <a:gd name="connsiteX16" fmla="*/ 4128 w 324801"/>
                <a:gd name="connsiteY16" fmla="*/ 65671 h 91350"/>
                <a:gd name="connsiteX17" fmla="*/ 3587 w 324801"/>
                <a:gd name="connsiteY17" fmla="*/ 65434 h 91350"/>
                <a:gd name="connsiteX18" fmla="*/ 1488 w 324801"/>
                <a:gd name="connsiteY18" fmla="*/ 63506 h 91350"/>
                <a:gd name="connsiteX19" fmla="*/ 0 w 324801"/>
                <a:gd name="connsiteY19" fmla="*/ 62254 h 91350"/>
                <a:gd name="connsiteX20" fmla="*/ 30111 w 324801"/>
                <a:gd name="connsiteY20" fmla="*/ 0 h 91350"/>
                <a:gd name="connsiteX21" fmla="*/ 71084 w 324801"/>
                <a:gd name="connsiteY21" fmla="*/ 12552 h 91350"/>
                <a:gd name="connsiteX22" fmla="*/ 127349 w 324801"/>
                <a:gd name="connsiteY22" fmla="*/ 8628 h 91350"/>
                <a:gd name="connsiteX23" fmla="*/ 193663 w 324801"/>
                <a:gd name="connsiteY23" fmla="*/ 35153 h 91350"/>
                <a:gd name="connsiteX24" fmla="*/ 231929 w 324801"/>
                <a:gd name="connsiteY24" fmla="*/ 23345 h 91350"/>
                <a:gd name="connsiteX25" fmla="*/ 235210 w 324801"/>
                <a:gd name="connsiteY25" fmla="*/ 21755 h 91350"/>
                <a:gd name="connsiteX26" fmla="*/ 248507 w 324801"/>
                <a:gd name="connsiteY26" fmla="*/ 31736 h 91350"/>
                <a:gd name="connsiteX27" fmla="*/ 296077 w 324801"/>
                <a:gd name="connsiteY27" fmla="*/ 34984 h 91350"/>
                <a:gd name="connsiteX28" fmla="*/ 325715 w 324801"/>
                <a:gd name="connsiteY28" fmla="*/ 19725 h 91350"/>
                <a:gd name="connsiteX29" fmla="*/ 327948 w 324801"/>
                <a:gd name="connsiteY29" fmla="*/ 89659 h 913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</a:cxnLst>
              <a:rect l="l" t="t" r="r" b="b"/>
              <a:pathLst>
                <a:path w="324801" h="91350">
                  <a:moveTo>
                    <a:pt x="327948" y="89659"/>
                  </a:moveTo>
                  <a:cubicBezTo>
                    <a:pt x="326222" y="89929"/>
                    <a:pt x="324463" y="90166"/>
                    <a:pt x="322737" y="90403"/>
                  </a:cubicBezTo>
                  <a:cubicBezTo>
                    <a:pt x="324125" y="90166"/>
                    <a:pt x="312790" y="91452"/>
                    <a:pt x="310997" y="91621"/>
                  </a:cubicBezTo>
                  <a:cubicBezTo>
                    <a:pt x="303689" y="92264"/>
                    <a:pt x="296382" y="92704"/>
                    <a:pt x="289039" y="92941"/>
                  </a:cubicBezTo>
                  <a:cubicBezTo>
                    <a:pt x="276487" y="93347"/>
                    <a:pt x="263935" y="93144"/>
                    <a:pt x="251383" y="92365"/>
                  </a:cubicBezTo>
                  <a:cubicBezTo>
                    <a:pt x="245123" y="91959"/>
                    <a:pt x="238865" y="91384"/>
                    <a:pt x="232605" y="90708"/>
                  </a:cubicBezTo>
                  <a:cubicBezTo>
                    <a:pt x="232402" y="90674"/>
                    <a:pt x="232267" y="90640"/>
                    <a:pt x="232064" y="90640"/>
                  </a:cubicBezTo>
                  <a:cubicBezTo>
                    <a:pt x="228173" y="90031"/>
                    <a:pt x="224282" y="89388"/>
                    <a:pt x="220391" y="88644"/>
                  </a:cubicBezTo>
                  <a:cubicBezTo>
                    <a:pt x="193257" y="83569"/>
                    <a:pt x="166901" y="74874"/>
                    <a:pt x="139529" y="70847"/>
                  </a:cubicBezTo>
                  <a:cubicBezTo>
                    <a:pt x="121699" y="68242"/>
                    <a:pt x="104106" y="66043"/>
                    <a:pt x="86106" y="68005"/>
                  </a:cubicBezTo>
                  <a:cubicBezTo>
                    <a:pt x="70678" y="69697"/>
                    <a:pt x="55758" y="73588"/>
                    <a:pt x="40499" y="75889"/>
                  </a:cubicBezTo>
                  <a:cubicBezTo>
                    <a:pt x="39653" y="75855"/>
                    <a:pt x="38502" y="75821"/>
                    <a:pt x="36980" y="75753"/>
                  </a:cubicBezTo>
                  <a:cubicBezTo>
                    <a:pt x="34138" y="75652"/>
                    <a:pt x="31228" y="75550"/>
                    <a:pt x="28386" y="75482"/>
                  </a:cubicBezTo>
                  <a:cubicBezTo>
                    <a:pt x="25206" y="74569"/>
                    <a:pt x="21890" y="74028"/>
                    <a:pt x="18710" y="73080"/>
                  </a:cubicBezTo>
                  <a:cubicBezTo>
                    <a:pt x="16984" y="72539"/>
                    <a:pt x="15259" y="71930"/>
                    <a:pt x="13533" y="71321"/>
                  </a:cubicBezTo>
                  <a:cubicBezTo>
                    <a:pt x="12857" y="70949"/>
                    <a:pt x="11977" y="70441"/>
                    <a:pt x="10894" y="69798"/>
                  </a:cubicBezTo>
                  <a:cubicBezTo>
                    <a:pt x="8763" y="68445"/>
                    <a:pt x="6394" y="66754"/>
                    <a:pt x="4128" y="65671"/>
                  </a:cubicBezTo>
                  <a:cubicBezTo>
                    <a:pt x="3891" y="65569"/>
                    <a:pt x="3790" y="65502"/>
                    <a:pt x="3587" y="65434"/>
                  </a:cubicBezTo>
                  <a:cubicBezTo>
                    <a:pt x="3045" y="64893"/>
                    <a:pt x="2368" y="64284"/>
                    <a:pt x="1488" y="63506"/>
                  </a:cubicBezTo>
                  <a:cubicBezTo>
                    <a:pt x="1015" y="63066"/>
                    <a:pt x="507" y="62660"/>
                    <a:pt x="0" y="62254"/>
                  </a:cubicBezTo>
                  <a:cubicBezTo>
                    <a:pt x="8221" y="40533"/>
                    <a:pt x="18337" y="19725"/>
                    <a:pt x="30111" y="0"/>
                  </a:cubicBezTo>
                  <a:cubicBezTo>
                    <a:pt x="40295" y="11436"/>
                    <a:pt x="56671" y="18541"/>
                    <a:pt x="71084" y="12552"/>
                  </a:cubicBezTo>
                  <a:cubicBezTo>
                    <a:pt x="90098" y="4601"/>
                    <a:pt x="107962" y="1929"/>
                    <a:pt x="127349" y="8628"/>
                  </a:cubicBezTo>
                  <a:cubicBezTo>
                    <a:pt x="150661" y="16680"/>
                    <a:pt x="166833" y="35694"/>
                    <a:pt x="193663" y="35153"/>
                  </a:cubicBezTo>
                  <a:cubicBezTo>
                    <a:pt x="207332" y="34882"/>
                    <a:pt x="220121" y="29807"/>
                    <a:pt x="231929" y="23345"/>
                  </a:cubicBezTo>
                  <a:cubicBezTo>
                    <a:pt x="232673" y="22939"/>
                    <a:pt x="233890" y="22364"/>
                    <a:pt x="235210" y="21755"/>
                  </a:cubicBezTo>
                  <a:cubicBezTo>
                    <a:pt x="241165" y="26593"/>
                    <a:pt x="247559" y="31228"/>
                    <a:pt x="248507" y="31736"/>
                  </a:cubicBezTo>
                  <a:cubicBezTo>
                    <a:pt x="263259" y="39551"/>
                    <a:pt x="280412" y="40363"/>
                    <a:pt x="296077" y="34984"/>
                  </a:cubicBezTo>
                  <a:cubicBezTo>
                    <a:pt x="306971" y="31262"/>
                    <a:pt x="316309" y="25375"/>
                    <a:pt x="325715" y="19725"/>
                  </a:cubicBezTo>
                  <a:cubicBezTo>
                    <a:pt x="324125" y="41345"/>
                    <a:pt x="324666" y="64656"/>
                    <a:pt x="327948" y="89659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4" name="Freeform: Shape 273">
              <a:extLst>
                <a:ext uri="{FF2B5EF4-FFF2-40B4-BE49-F238E27FC236}">
                  <a16:creationId xmlns="" xmlns:a16="http://schemas.microsoft.com/office/drawing/2014/main" id="{5AFF8317-5200-EEA4-572B-F0608BA81AC6}"/>
                </a:ext>
              </a:extLst>
            </p:cNvPr>
            <p:cNvSpPr/>
            <p:nvPr/>
          </p:nvSpPr>
          <p:spPr>
            <a:xfrm>
              <a:off x="11575246" y="6356825"/>
              <a:ext cx="348485" cy="148867"/>
            </a:xfrm>
            <a:custGeom>
              <a:avLst/>
              <a:gdLst>
                <a:gd name="connsiteX0" fmla="*/ 349568 w 348484"/>
                <a:gd name="connsiteY0" fmla="*/ 4534 h 148867"/>
                <a:gd name="connsiteX1" fmla="*/ 260315 w 348484"/>
                <a:gd name="connsiteY1" fmla="*/ 122004 h 148867"/>
                <a:gd name="connsiteX2" fmla="*/ 229628 w 348484"/>
                <a:gd name="connsiteY2" fmla="*/ 130056 h 148867"/>
                <a:gd name="connsiteX3" fmla="*/ 199787 w 348484"/>
                <a:gd name="connsiteY3" fmla="*/ 143758 h 148867"/>
                <a:gd name="connsiteX4" fmla="*/ 192140 w 348484"/>
                <a:gd name="connsiteY4" fmla="*/ 148935 h 148867"/>
                <a:gd name="connsiteX5" fmla="*/ 182735 w 348484"/>
                <a:gd name="connsiteY5" fmla="*/ 141661 h 148867"/>
                <a:gd name="connsiteX6" fmla="*/ 147683 w 348484"/>
                <a:gd name="connsiteY6" fmla="*/ 132966 h 148867"/>
                <a:gd name="connsiteX7" fmla="*/ 110568 w 348484"/>
                <a:gd name="connsiteY7" fmla="*/ 146194 h 148867"/>
                <a:gd name="connsiteX8" fmla="*/ 104748 w 348484"/>
                <a:gd name="connsiteY8" fmla="*/ 149104 h 148867"/>
                <a:gd name="connsiteX9" fmla="*/ 0 w 348484"/>
                <a:gd name="connsiteY9" fmla="*/ 122071 h 148867"/>
                <a:gd name="connsiteX10" fmla="*/ 289005 w 348484"/>
                <a:gd name="connsiteY10" fmla="*/ 0 h 148867"/>
                <a:gd name="connsiteX11" fmla="*/ 349568 w 348484"/>
                <a:gd name="connsiteY11" fmla="*/ 4534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</a:cxnLst>
              <a:rect l="l" t="t" r="r" b="b"/>
              <a:pathLst>
                <a:path w="348484" h="148867">
                  <a:moveTo>
                    <a:pt x="349568" y="4534"/>
                  </a:moveTo>
                  <a:cubicBezTo>
                    <a:pt x="349568" y="4534"/>
                    <a:pt x="293268" y="43205"/>
                    <a:pt x="260315" y="122004"/>
                  </a:cubicBezTo>
                  <a:cubicBezTo>
                    <a:pt x="249793" y="123695"/>
                    <a:pt x="239406" y="126402"/>
                    <a:pt x="229628" y="130056"/>
                  </a:cubicBezTo>
                  <a:cubicBezTo>
                    <a:pt x="219410" y="133879"/>
                    <a:pt x="209227" y="138277"/>
                    <a:pt x="199787" y="143758"/>
                  </a:cubicBezTo>
                  <a:cubicBezTo>
                    <a:pt x="197182" y="145281"/>
                    <a:pt x="194678" y="147142"/>
                    <a:pt x="192140" y="148935"/>
                  </a:cubicBezTo>
                  <a:cubicBezTo>
                    <a:pt x="189163" y="146194"/>
                    <a:pt x="185915" y="143657"/>
                    <a:pt x="182735" y="141661"/>
                  </a:cubicBezTo>
                  <a:cubicBezTo>
                    <a:pt x="172145" y="134962"/>
                    <a:pt x="159999" y="132323"/>
                    <a:pt x="147683" y="132966"/>
                  </a:cubicBezTo>
                  <a:cubicBezTo>
                    <a:pt x="134015" y="133676"/>
                    <a:pt x="122207" y="139495"/>
                    <a:pt x="110568" y="146194"/>
                  </a:cubicBezTo>
                  <a:cubicBezTo>
                    <a:pt x="109654" y="146736"/>
                    <a:pt x="106914" y="147954"/>
                    <a:pt x="104748" y="149104"/>
                  </a:cubicBezTo>
                  <a:cubicBezTo>
                    <a:pt x="76971" y="126639"/>
                    <a:pt x="36710" y="118011"/>
                    <a:pt x="0" y="122071"/>
                  </a:cubicBezTo>
                  <a:cubicBezTo>
                    <a:pt x="73215" y="46792"/>
                    <a:pt x="175629" y="0"/>
                    <a:pt x="289005" y="0"/>
                  </a:cubicBezTo>
                  <a:cubicBezTo>
                    <a:pt x="309576" y="0"/>
                    <a:pt x="329809" y="1556"/>
                    <a:pt x="349568" y="4534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5" name="Freeform: Shape 274">
              <a:extLst>
                <a:ext uri="{FF2B5EF4-FFF2-40B4-BE49-F238E27FC236}">
                  <a16:creationId xmlns="" xmlns:a16="http://schemas.microsoft.com/office/drawing/2014/main" id="{FEC8C587-2AE4-FFD5-680D-25B2D7B1102E}"/>
                </a:ext>
              </a:extLst>
            </p:cNvPr>
            <p:cNvSpPr/>
            <p:nvPr/>
          </p:nvSpPr>
          <p:spPr>
            <a:xfrm>
              <a:off x="11564690" y="7030043"/>
              <a:ext cx="304501" cy="67667"/>
            </a:xfrm>
            <a:custGeom>
              <a:avLst/>
              <a:gdLst>
                <a:gd name="connsiteX0" fmla="*/ 306395 w 304501"/>
                <a:gd name="connsiteY0" fmla="*/ 22398 h 67666"/>
                <a:gd name="connsiteX1" fmla="*/ 300610 w 304501"/>
                <a:gd name="connsiteY1" fmla="*/ 53863 h 67666"/>
                <a:gd name="connsiteX2" fmla="*/ 270600 w 304501"/>
                <a:gd name="connsiteY2" fmla="*/ 49938 h 67666"/>
                <a:gd name="connsiteX3" fmla="*/ 89659 w 304501"/>
                <a:gd name="connsiteY3" fmla="*/ 63539 h 67666"/>
                <a:gd name="connsiteX4" fmla="*/ 79441 w 304501"/>
                <a:gd name="connsiteY4" fmla="*/ 67938 h 67666"/>
                <a:gd name="connsiteX5" fmla="*/ 0 w 304501"/>
                <a:gd name="connsiteY5" fmla="*/ 0 h 67666"/>
                <a:gd name="connsiteX6" fmla="*/ 25206 w 304501"/>
                <a:gd name="connsiteY6" fmla="*/ 2132 h 67666"/>
                <a:gd name="connsiteX7" fmla="*/ 118079 w 304501"/>
                <a:gd name="connsiteY7" fmla="*/ 18507 h 67666"/>
                <a:gd name="connsiteX8" fmla="*/ 306395 w 304501"/>
                <a:gd name="connsiteY8" fmla="*/ 22398 h 6766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04501" h="67666">
                  <a:moveTo>
                    <a:pt x="306395" y="22398"/>
                  </a:moveTo>
                  <a:cubicBezTo>
                    <a:pt x="304873" y="33258"/>
                    <a:pt x="302944" y="43713"/>
                    <a:pt x="300610" y="53863"/>
                  </a:cubicBezTo>
                  <a:cubicBezTo>
                    <a:pt x="290629" y="52341"/>
                    <a:pt x="280649" y="51021"/>
                    <a:pt x="270600" y="49938"/>
                  </a:cubicBezTo>
                  <a:cubicBezTo>
                    <a:pt x="209327" y="43239"/>
                    <a:pt x="150119" y="54810"/>
                    <a:pt x="89659" y="63539"/>
                  </a:cubicBezTo>
                  <a:cubicBezTo>
                    <a:pt x="85835" y="64114"/>
                    <a:pt x="82384" y="65671"/>
                    <a:pt x="79441" y="67938"/>
                  </a:cubicBezTo>
                  <a:cubicBezTo>
                    <a:pt x="50073" y="48822"/>
                    <a:pt x="23379" y="25950"/>
                    <a:pt x="0" y="0"/>
                  </a:cubicBezTo>
                  <a:cubicBezTo>
                    <a:pt x="8425" y="406"/>
                    <a:pt x="16815" y="1015"/>
                    <a:pt x="25206" y="2132"/>
                  </a:cubicBezTo>
                  <a:cubicBezTo>
                    <a:pt x="56400" y="6192"/>
                    <a:pt x="86816" y="14582"/>
                    <a:pt x="118079" y="18507"/>
                  </a:cubicBezTo>
                  <a:cubicBezTo>
                    <a:pt x="180603" y="26323"/>
                    <a:pt x="243567" y="23582"/>
                    <a:pt x="306395" y="22398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6" name="Freeform: Shape 275">
              <a:extLst>
                <a:ext uri="{FF2B5EF4-FFF2-40B4-BE49-F238E27FC236}">
                  <a16:creationId xmlns="" xmlns:a16="http://schemas.microsoft.com/office/drawing/2014/main" id="{6E30FA38-AC3F-7D9A-C9AF-84E41F5DA542}"/>
                </a:ext>
              </a:extLst>
            </p:cNvPr>
            <p:cNvSpPr/>
            <p:nvPr/>
          </p:nvSpPr>
          <p:spPr>
            <a:xfrm>
              <a:off x="11737308" y="7138921"/>
              <a:ext cx="108267" cy="20300"/>
            </a:xfrm>
            <a:custGeom>
              <a:avLst/>
              <a:gdLst>
                <a:gd name="connsiteX0" fmla="*/ 97982 w 108267"/>
                <a:gd name="connsiteY0" fmla="*/ 1961 h 20300"/>
                <a:gd name="connsiteX1" fmla="*/ 109079 w 108267"/>
                <a:gd name="connsiteY1" fmla="*/ 3314 h 20300"/>
                <a:gd name="connsiteX2" fmla="*/ 99674 w 108267"/>
                <a:gd name="connsiteY2" fmla="*/ 23513 h 20300"/>
                <a:gd name="connsiteX3" fmla="*/ 0 w 108267"/>
                <a:gd name="connsiteY3" fmla="*/ 4025 h 20300"/>
                <a:gd name="connsiteX4" fmla="*/ 97982 w 108267"/>
                <a:gd name="connsiteY4" fmla="*/ 1961 h 2030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20300">
                  <a:moveTo>
                    <a:pt x="97982" y="1961"/>
                  </a:moveTo>
                  <a:cubicBezTo>
                    <a:pt x="101704" y="2367"/>
                    <a:pt x="105392" y="2807"/>
                    <a:pt x="109079" y="3314"/>
                  </a:cubicBezTo>
                  <a:cubicBezTo>
                    <a:pt x="106136" y="10182"/>
                    <a:pt x="103024" y="16915"/>
                    <a:pt x="99674" y="23513"/>
                  </a:cubicBezTo>
                  <a:cubicBezTo>
                    <a:pt x="65063" y="21212"/>
                    <a:pt x="31635" y="14513"/>
                    <a:pt x="0" y="4025"/>
                  </a:cubicBezTo>
                  <a:cubicBezTo>
                    <a:pt x="32345" y="202"/>
                    <a:pt x="64690" y="-1693"/>
                    <a:pt x="97982" y="1961"/>
                  </a:cubicBezTo>
                  <a:close/>
                </a:path>
              </a:pathLst>
            </a:custGeom>
            <a:solidFill>
              <a:srgbClr val="EFA42B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7" name="Freeform: Shape 276">
              <a:extLst>
                <a:ext uri="{FF2B5EF4-FFF2-40B4-BE49-F238E27FC236}">
                  <a16:creationId xmlns="" xmlns:a16="http://schemas.microsoft.com/office/drawing/2014/main" id="{51FE7B6A-8307-C245-5943-227A3FC4FB81}"/>
                </a:ext>
              </a:extLst>
            </p:cNvPr>
            <p:cNvSpPr/>
            <p:nvPr/>
          </p:nvSpPr>
          <p:spPr>
            <a:xfrm>
              <a:off x="11812168" y="6361358"/>
              <a:ext cx="453369" cy="801854"/>
            </a:xfrm>
            <a:custGeom>
              <a:avLst/>
              <a:gdLst>
                <a:gd name="connsiteX0" fmla="*/ 455345 w 453368"/>
                <a:gd name="connsiteY0" fmla="*/ 398728 h 801853"/>
                <a:gd name="connsiteX1" fmla="*/ 455108 w 453368"/>
                <a:gd name="connsiteY1" fmla="*/ 411855 h 801853"/>
                <a:gd name="connsiteX2" fmla="*/ 438293 w 453368"/>
                <a:gd name="connsiteY2" fmla="*/ 515047 h 801853"/>
                <a:gd name="connsiteX3" fmla="*/ 411631 w 453368"/>
                <a:gd name="connsiteY3" fmla="*/ 581496 h 801853"/>
                <a:gd name="connsiteX4" fmla="*/ 367614 w 453368"/>
                <a:gd name="connsiteY4" fmla="*/ 649840 h 801853"/>
                <a:gd name="connsiteX5" fmla="*/ 217665 w 453368"/>
                <a:gd name="connsiteY5" fmla="*/ 766531 h 801853"/>
                <a:gd name="connsiteX6" fmla="*/ 117856 w 453368"/>
                <a:gd name="connsiteY6" fmla="*/ 796643 h 801853"/>
                <a:gd name="connsiteX7" fmla="*/ 52083 w 453368"/>
                <a:gd name="connsiteY7" fmla="*/ 801989 h 801853"/>
                <a:gd name="connsiteX8" fmla="*/ 24814 w 453368"/>
                <a:gd name="connsiteY8" fmla="*/ 801075 h 801853"/>
                <a:gd name="connsiteX9" fmla="*/ 15273 w 453368"/>
                <a:gd name="connsiteY9" fmla="*/ 341278 h 801853"/>
                <a:gd name="connsiteX10" fmla="*/ 112645 w 453368"/>
                <a:gd name="connsiteY10" fmla="*/ 0 h 801853"/>
                <a:gd name="connsiteX11" fmla="*/ 341427 w 453368"/>
                <a:gd name="connsiteY11" fmla="*/ 117876 h 801853"/>
                <a:gd name="connsiteX12" fmla="*/ 402091 w 453368"/>
                <a:gd name="connsiteY12" fmla="*/ 198264 h 801853"/>
                <a:gd name="connsiteX13" fmla="*/ 426316 w 453368"/>
                <a:gd name="connsiteY13" fmla="*/ 248304 h 801853"/>
                <a:gd name="connsiteX14" fmla="*/ 453518 w 453368"/>
                <a:gd name="connsiteY14" fmla="*/ 360631 h 801853"/>
                <a:gd name="connsiteX15" fmla="*/ 455345 w 453368"/>
                <a:gd name="connsiteY15" fmla="*/ 398728 h 80185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453368" h="801853">
                  <a:moveTo>
                    <a:pt x="455345" y="398728"/>
                  </a:moveTo>
                  <a:cubicBezTo>
                    <a:pt x="455345" y="403126"/>
                    <a:pt x="455277" y="407491"/>
                    <a:pt x="455108" y="411855"/>
                  </a:cubicBezTo>
                  <a:cubicBezTo>
                    <a:pt x="453991" y="447617"/>
                    <a:pt x="448206" y="482229"/>
                    <a:pt x="438293" y="515047"/>
                  </a:cubicBezTo>
                  <a:cubicBezTo>
                    <a:pt x="431357" y="538155"/>
                    <a:pt x="422425" y="560350"/>
                    <a:pt x="411631" y="581496"/>
                  </a:cubicBezTo>
                  <a:cubicBezTo>
                    <a:pt x="399249" y="605822"/>
                    <a:pt x="384497" y="628694"/>
                    <a:pt x="367614" y="649840"/>
                  </a:cubicBezTo>
                  <a:cubicBezTo>
                    <a:pt x="327894" y="699744"/>
                    <a:pt x="276535" y="740006"/>
                    <a:pt x="217665" y="766531"/>
                  </a:cubicBezTo>
                  <a:cubicBezTo>
                    <a:pt x="186335" y="780674"/>
                    <a:pt x="152839" y="790925"/>
                    <a:pt x="117856" y="796643"/>
                  </a:cubicBezTo>
                  <a:cubicBezTo>
                    <a:pt x="96439" y="800162"/>
                    <a:pt x="74481" y="801989"/>
                    <a:pt x="52083" y="801989"/>
                  </a:cubicBezTo>
                  <a:cubicBezTo>
                    <a:pt x="42914" y="801989"/>
                    <a:pt x="33813" y="801684"/>
                    <a:pt x="24814" y="801075"/>
                  </a:cubicBezTo>
                  <a:cubicBezTo>
                    <a:pt x="75665" y="700556"/>
                    <a:pt x="79996" y="571211"/>
                    <a:pt x="15273" y="341278"/>
                  </a:cubicBezTo>
                  <a:cubicBezTo>
                    <a:pt x="-49485" y="111380"/>
                    <a:pt x="112645" y="0"/>
                    <a:pt x="112645" y="0"/>
                  </a:cubicBezTo>
                  <a:cubicBezTo>
                    <a:pt x="201864" y="13432"/>
                    <a:pt x="281440" y="56062"/>
                    <a:pt x="341427" y="117876"/>
                  </a:cubicBezTo>
                  <a:cubicBezTo>
                    <a:pt x="364840" y="141965"/>
                    <a:pt x="385241" y="168964"/>
                    <a:pt x="402091" y="198264"/>
                  </a:cubicBezTo>
                  <a:cubicBezTo>
                    <a:pt x="411260" y="214301"/>
                    <a:pt x="419379" y="231015"/>
                    <a:pt x="426316" y="248304"/>
                  </a:cubicBezTo>
                  <a:cubicBezTo>
                    <a:pt x="440525" y="283558"/>
                    <a:pt x="449863" y="321283"/>
                    <a:pt x="453518" y="360631"/>
                  </a:cubicBezTo>
                  <a:cubicBezTo>
                    <a:pt x="454735" y="373183"/>
                    <a:pt x="455345" y="385871"/>
                    <a:pt x="455345" y="398728"/>
                  </a:cubicBezTo>
                  <a:close/>
                </a:path>
              </a:pathLst>
            </a:custGeom>
            <a:solidFill>
              <a:srgbClr val="FCB736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8" name="Freeform: Shape 277">
              <a:extLst>
                <a:ext uri="{FF2B5EF4-FFF2-40B4-BE49-F238E27FC236}">
                  <a16:creationId xmlns="" xmlns:a16="http://schemas.microsoft.com/office/drawing/2014/main" id="{829EF3DD-BC7D-C614-721E-8C28DBA23DFB}"/>
                </a:ext>
              </a:extLst>
            </p:cNvPr>
            <p:cNvSpPr/>
            <p:nvPr/>
          </p:nvSpPr>
          <p:spPr>
            <a:xfrm>
              <a:off x="11517424" y="6477926"/>
              <a:ext cx="318035" cy="111650"/>
            </a:xfrm>
            <a:custGeom>
              <a:avLst/>
              <a:gdLst>
                <a:gd name="connsiteX0" fmla="*/ 318136 w 318034"/>
                <a:gd name="connsiteY0" fmla="*/ 902 h 111650"/>
                <a:gd name="connsiteX1" fmla="*/ 295604 w 318034"/>
                <a:gd name="connsiteY1" fmla="*/ 96109 h 111650"/>
                <a:gd name="connsiteX2" fmla="*/ 265965 w 318034"/>
                <a:gd name="connsiteY2" fmla="*/ 111368 h 111650"/>
                <a:gd name="connsiteX3" fmla="*/ 218395 w 318034"/>
                <a:gd name="connsiteY3" fmla="*/ 108120 h 111650"/>
                <a:gd name="connsiteX4" fmla="*/ 205099 w 318034"/>
                <a:gd name="connsiteY4" fmla="*/ 98140 h 111650"/>
                <a:gd name="connsiteX5" fmla="*/ 201817 w 318034"/>
                <a:gd name="connsiteY5" fmla="*/ 99730 h 111650"/>
                <a:gd name="connsiteX6" fmla="*/ 163551 w 318034"/>
                <a:gd name="connsiteY6" fmla="*/ 111538 h 111650"/>
                <a:gd name="connsiteX7" fmla="*/ 97237 w 318034"/>
                <a:gd name="connsiteY7" fmla="*/ 85012 h 111650"/>
                <a:gd name="connsiteX8" fmla="*/ 40973 w 318034"/>
                <a:gd name="connsiteY8" fmla="*/ 88937 h 111650"/>
                <a:gd name="connsiteX9" fmla="*/ 0 w 318034"/>
                <a:gd name="connsiteY9" fmla="*/ 76385 h 111650"/>
                <a:gd name="connsiteX10" fmla="*/ 57822 w 318034"/>
                <a:gd name="connsiteY10" fmla="*/ 970 h 111650"/>
                <a:gd name="connsiteX11" fmla="*/ 162570 w 318034"/>
                <a:gd name="connsiteY11" fmla="*/ 28003 h 111650"/>
                <a:gd name="connsiteX12" fmla="*/ 168389 w 318034"/>
                <a:gd name="connsiteY12" fmla="*/ 25093 h 111650"/>
                <a:gd name="connsiteX13" fmla="*/ 205505 w 318034"/>
                <a:gd name="connsiteY13" fmla="*/ 11864 h 111650"/>
                <a:gd name="connsiteX14" fmla="*/ 240556 w 318034"/>
                <a:gd name="connsiteY14" fmla="*/ 20559 h 111650"/>
                <a:gd name="connsiteX15" fmla="*/ 249962 w 318034"/>
                <a:gd name="connsiteY15" fmla="*/ 27834 h 111650"/>
                <a:gd name="connsiteX16" fmla="*/ 257609 w 318034"/>
                <a:gd name="connsiteY16" fmla="*/ 22657 h 111650"/>
                <a:gd name="connsiteX17" fmla="*/ 287450 w 318034"/>
                <a:gd name="connsiteY17" fmla="*/ 8954 h 111650"/>
                <a:gd name="connsiteX18" fmla="*/ 318136 w 318034"/>
                <a:gd name="connsiteY18" fmla="*/ 902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</a:cxnLst>
              <a:rect l="l" t="t" r="r" b="b"/>
              <a:pathLst>
                <a:path w="318034" h="111650">
                  <a:moveTo>
                    <a:pt x="318136" y="902"/>
                  </a:moveTo>
                  <a:cubicBezTo>
                    <a:pt x="306803" y="27901"/>
                    <a:pt x="298243" y="59603"/>
                    <a:pt x="295604" y="96109"/>
                  </a:cubicBezTo>
                  <a:cubicBezTo>
                    <a:pt x="286198" y="101760"/>
                    <a:pt x="276860" y="107647"/>
                    <a:pt x="265965" y="111368"/>
                  </a:cubicBezTo>
                  <a:cubicBezTo>
                    <a:pt x="250300" y="116748"/>
                    <a:pt x="233147" y="115936"/>
                    <a:pt x="218395" y="108120"/>
                  </a:cubicBezTo>
                  <a:cubicBezTo>
                    <a:pt x="217448" y="107613"/>
                    <a:pt x="211054" y="102978"/>
                    <a:pt x="205099" y="98140"/>
                  </a:cubicBezTo>
                  <a:cubicBezTo>
                    <a:pt x="203779" y="98749"/>
                    <a:pt x="202561" y="99324"/>
                    <a:pt x="201817" y="99730"/>
                  </a:cubicBezTo>
                  <a:cubicBezTo>
                    <a:pt x="190009" y="106192"/>
                    <a:pt x="177220" y="111267"/>
                    <a:pt x="163551" y="111538"/>
                  </a:cubicBezTo>
                  <a:cubicBezTo>
                    <a:pt x="136722" y="112079"/>
                    <a:pt x="120549" y="93065"/>
                    <a:pt x="97237" y="85012"/>
                  </a:cubicBezTo>
                  <a:cubicBezTo>
                    <a:pt x="77851" y="78313"/>
                    <a:pt x="59987" y="80986"/>
                    <a:pt x="40973" y="88937"/>
                  </a:cubicBezTo>
                  <a:cubicBezTo>
                    <a:pt x="26560" y="94925"/>
                    <a:pt x="10184" y="87820"/>
                    <a:pt x="0" y="76385"/>
                  </a:cubicBezTo>
                  <a:cubicBezTo>
                    <a:pt x="16240" y="48979"/>
                    <a:pt x="35694" y="23672"/>
                    <a:pt x="57822" y="970"/>
                  </a:cubicBezTo>
                  <a:cubicBezTo>
                    <a:pt x="94531" y="-3090"/>
                    <a:pt x="134793" y="5537"/>
                    <a:pt x="162570" y="28003"/>
                  </a:cubicBezTo>
                  <a:cubicBezTo>
                    <a:pt x="164736" y="26852"/>
                    <a:pt x="167476" y="25634"/>
                    <a:pt x="168389" y="25093"/>
                  </a:cubicBezTo>
                  <a:cubicBezTo>
                    <a:pt x="180029" y="18394"/>
                    <a:pt x="191837" y="12575"/>
                    <a:pt x="205505" y="11864"/>
                  </a:cubicBezTo>
                  <a:cubicBezTo>
                    <a:pt x="217820" y="11221"/>
                    <a:pt x="229967" y="13860"/>
                    <a:pt x="240556" y="20559"/>
                  </a:cubicBezTo>
                  <a:cubicBezTo>
                    <a:pt x="243737" y="22555"/>
                    <a:pt x="246984" y="25093"/>
                    <a:pt x="249962" y="27834"/>
                  </a:cubicBezTo>
                  <a:cubicBezTo>
                    <a:pt x="252500" y="26040"/>
                    <a:pt x="255003" y="24179"/>
                    <a:pt x="257609" y="22657"/>
                  </a:cubicBezTo>
                  <a:cubicBezTo>
                    <a:pt x="267048" y="17176"/>
                    <a:pt x="277232" y="12778"/>
                    <a:pt x="287450" y="8954"/>
                  </a:cubicBezTo>
                  <a:cubicBezTo>
                    <a:pt x="297227" y="5300"/>
                    <a:pt x="307615" y="2594"/>
                    <a:pt x="318136" y="9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79" name="Freeform: Shape 278">
              <a:extLst>
                <a:ext uri="{FF2B5EF4-FFF2-40B4-BE49-F238E27FC236}">
                  <a16:creationId xmlns="" xmlns:a16="http://schemas.microsoft.com/office/drawing/2014/main" id="{1BC25D89-9B46-43DD-84E0-83C3DDC1CE3E}"/>
                </a:ext>
              </a:extLst>
            </p:cNvPr>
            <p:cNvSpPr/>
            <p:nvPr/>
          </p:nvSpPr>
          <p:spPr>
            <a:xfrm>
              <a:off x="11813028" y="6473742"/>
              <a:ext cx="399235" cy="108267"/>
            </a:xfrm>
            <a:custGeom>
              <a:avLst/>
              <a:gdLst>
                <a:gd name="connsiteX0" fmla="*/ 401232 w 399235"/>
                <a:gd name="connsiteY0" fmla="*/ 85880 h 108267"/>
                <a:gd name="connsiteX1" fmla="*/ 340534 w 399235"/>
                <a:gd name="connsiteY1" fmla="*/ 87065 h 108267"/>
                <a:gd name="connsiteX2" fmla="*/ 293945 w 399235"/>
                <a:gd name="connsiteY2" fmla="*/ 81313 h 108267"/>
                <a:gd name="connsiteX3" fmla="*/ 267623 w 399235"/>
                <a:gd name="connsiteY3" fmla="*/ 90042 h 108267"/>
                <a:gd name="connsiteX4" fmla="*/ 185949 w 399235"/>
                <a:gd name="connsiteY4" fmla="*/ 109598 h 108267"/>
                <a:gd name="connsiteX5" fmla="*/ 100621 w 399235"/>
                <a:gd name="connsiteY5" fmla="*/ 92613 h 108267"/>
                <a:gd name="connsiteX6" fmla="*/ 34883 w 399235"/>
                <a:gd name="connsiteY6" fmla="*/ 85238 h 108267"/>
                <a:gd name="connsiteX7" fmla="*/ 0 w 399235"/>
                <a:gd name="connsiteY7" fmla="*/ 100293 h 108267"/>
                <a:gd name="connsiteX8" fmla="*/ 22533 w 399235"/>
                <a:gd name="connsiteY8" fmla="*/ 5086 h 108267"/>
                <a:gd name="connsiteX9" fmla="*/ 54878 w 399235"/>
                <a:gd name="connsiteY9" fmla="*/ 2853 h 108267"/>
                <a:gd name="connsiteX10" fmla="*/ 176814 w 399235"/>
                <a:gd name="connsiteY10" fmla="*/ 27721 h 108267"/>
                <a:gd name="connsiteX11" fmla="*/ 226650 w 399235"/>
                <a:gd name="connsiteY11" fmla="*/ 19905 h 108267"/>
                <a:gd name="connsiteX12" fmla="*/ 290866 w 399235"/>
                <a:gd name="connsiteY12" fmla="*/ 11 h 108267"/>
                <a:gd name="connsiteX13" fmla="*/ 340568 w 399235"/>
                <a:gd name="connsiteY13" fmla="*/ 5492 h 108267"/>
                <a:gd name="connsiteX14" fmla="*/ 401232 w 399235"/>
                <a:gd name="connsiteY14" fmla="*/ 85880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</a:cxnLst>
              <a:rect l="l" t="t" r="r" b="b"/>
              <a:pathLst>
                <a:path w="399235" h="108267">
                  <a:moveTo>
                    <a:pt x="401232" y="85880"/>
                  </a:moveTo>
                  <a:cubicBezTo>
                    <a:pt x="381100" y="88384"/>
                    <a:pt x="360698" y="88993"/>
                    <a:pt x="340534" y="87065"/>
                  </a:cubicBezTo>
                  <a:cubicBezTo>
                    <a:pt x="325072" y="85610"/>
                    <a:pt x="309509" y="81245"/>
                    <a:pt x="293945" y="81313"/>
                  </a:cubicBezTo>
                  <a:cubicBezTo>
                    <a:pt x="283761" y="81347"/>
                    <a:pt x="276589" y="85441"/>
                    <a:pt x="267623" y="90042"/>
                  </a:cubicBezTo>
                  <a:cubicBezTo>
                    <a:pt x="241808" y="103305"/>
                    <a:pt x="215214" y="111019"/>
                    <a:pt x="185949" y="109598"/>
                  </a:cubicBezTo>
                  <a:cubicBezTo>
                    <a:pt x="156649" y="108177"/>
                    <a:pt x="128737" y="100192"/>
                    <a:pt x="100621" y="92613"/>
                  </a:cubicBezTo>
                  <a:cubicBezTo>
                    <a:pt x="79204" y="86862"/>
                    <a:pt x="57077" y="81211"/>
                    <a:pt x="34883" y="85238"/>
                  </a:cubicBezTo>
                  <a:cubicBezTo>
                    <a:pt x="21552" y="87640"/>
                    <a:pt x="10725" y="93831"/>
                    <a:pt x="0" y="100293"/>
                  </a:cubicBezTo>
                  <a:cubicBezTo>
                    <a:pt x="2639" y="63787"/>
                    <a:pt x="11199" y="32085"/>
                    <a:pt x="22533" y="5086"/>
                  </a:cubicBezTo>
                  <a:cubicBezTo>
                    <a:pt x="33292" y="3293"/>
                    <a:pt x="44221" y="2548"/>
                    <a:pt x="54878" y="2853"/>
                  </a:cubicBezTo>
                  <a:cubicBezTo>
                    <a:pt x="97237" y="4037"/>
                    <a:pt x="135402" y="22240"/>
                    <a:pt x="176814" y="27721"/>
                  </a:cubicBezTo>
                  <a:cubicBezTo>
                    <a:pt x="194780" y="30089"/>
                    <a:pt x="210749" y="28093"/>
                    <a:pt x="226650" y="19905"/>
                  </a:cubicBezTo>
                  <a:cubicBezTo>
                    <a:pt x="247188" y="9349"/>
                    <a:pt x="267285" y="349"/>
                    <a:pt x="290866" y="11"/>
                  </a:cubicBezTo>
                  <a:cubicBezTo>
                    <a:pt x="307512" y="-226"/>
                    <a:pt x="323989" y="3428"/>
                    <a:pt x="340568" y="5492"/>
                  </a:cubicBezTo>
                  <a:cubicBezTo>
                    <a:pt x="363981" y="29582"/>
                    <a:pt x="384382" y="56581"/>
                    <a:pt x="401232" y="8588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0" name="Freeform: Shape 279">
              <a:extLst>
                <a:ext uri="{FF2B5EF4-FFF2-40B4-BE49-F238E27FC236}">
                  <a16:creationId xmlns="" xmlns:a16="http://schemas.microsoft.com/office/drawing/2014/main" id="{4A79DAC1-7F47-F227-783F-6318D2817DEB}"/>
                </a:ext>
              </a:extLst>
            </p:cNvPr>
            <p:cNvSpPr/>
            <p:nvPr/>
          </p:nvSpPr>
          <p:spPr>
            <a:xfrm>
              <a:off x="11461666" y="6616564"/>
              <a:ext cx="378935" cy="148867"/>
            </a:xfrm>
            <a:custGeom>
              <a:avLst/>
              <a:gdLst>
                <a:gd name="connsiteX0" fmla="*/ 380694 w 378935"/>
                <a:gd name="connsiteY0" fmla="*/ 142202 h 148867"/>
                <a:gd name="connsiteX1" fmla="*/ 352714 w 378935"/>
                <a:gd name="connsiteY1" fmla="*/ 145991 h 148867"/>
                <a:gd name="connsiteX2" fmla="*/ 270769 w 378935"/>
                <a:gd name="connsiteY2" fmla="*/ 148055 h 148867"/>
                <a:gd name="connsiteX3" fmla="*/ 177390 w 378935"/>
                <a:gd name="connsiteY3" fmla="*/ 132052 h 148867"/>
                <a:gd name="connsiteX4" fmla="*/ 155566 w 378935"/>
                <a:gd name="connsiteY4" fmla="*/ 126842 h 148867"/>
                <a:gd name="connsiteX5" fmla="*/ 143082 w 378935"/>
                <a:gd name="connsiteY5" fmla="*/ 124304 h 148867"/>
                <a:gd name="connsiteX6" fmla="*/ 141187 w 378935"/>
                <a:gd name="connsiteY6" fmla="*/ 123966 h 148867"/>
                <a:gd name="connsiteX7" fmla="*/ 124338 w 378935"/>
                <a:gd name="connsiteY7" fmla="*/ 123255 h 148867"/>
                <a:gd name="connsiteX8" fmla="*/ 120414 w 378935"/>
                <a:gd name="connsiteY8" fmla="*/ 123424 h 148867"/>
                <a:gd name="connsiteX9" fmla="*/ 113715 w 378935"/>
                <a:gd name="connsiteY9" fmla="*/ 124440 h 148867"/>
                <a:gd name="connsiteX10" fmla="*/ 23176 w 378935"/>
                <a:gd name="connsiteY10" fmla="*/ 127586 h 148867"/>
                <a:gd name="connsiteX11" fmla="*/ 0 w 378935"/>
                <a:gd name="connsiteY11" fmla="*/ 120718 h 148867"/>
                <a:gd name="connsiteX12" fmla="*/ 25646 w 378935"/>
                <a:gd name="connsiteY12" fmla="*/ 0 h 148867"/>
                <a:gd name="connsiteX13" fmla="*/ 27135 w 378935"/>
                <a:gd name="connsiteY13" fmla="*/ 1252 h 148867"/>
                <a:gd name="connsiteX14" fmla="*/ 29233 w 378935"/>
                <a:gd name="connsiteY14" fmla="*/ 3180 h 148867"/>
                <a:gd name="connsiteX15" fmla="*/ 29774 w 378935"/>
                <a:gd name="connsiteY15" fmla="*/ 3417 h 148867"/>
                <a:gd name="connsiteX16" fmla="*/ 36540 w 378935"/>
                <a:gd name="connsiteY16" fmla="*/ 7545 h 148867"/>
                <a:gd name="connsiteX17" fmla="*/ 39179 w 378935"/>
                <a:gd name="connsiteY17" fmla="*/ 9067 h 148867"/>
                <a:gd name="connsiteX18" fmla="*/ 44356 w 378935"/>
                <a:gd name="connsiteY18" fmla="*/ 10827 h 148867"/>
                <a:gd name="connsiteX19" fmla="*/ 54032 w 378935"/>
                <a:gd name="connsiteY19" fmla="*/ 13229 h 148867"/>
                <a:gd name="connsiteX20" fmla="*/ 62626 w 378935"/>
                <a:gd name="connsiteY20" fmla="*/ 13500 h 148867"/>
                <a:gd name="connsiteX21" fmla="*/ 66145 w 378935"/>
                <a:gd name="connsiteY21" fmla="*/ 13635 h 148867"/>
                <a:gd name="connsiteX22" fmla="*/ 111752 w 378935"/>
                <a:gd name="connsiteY22" fmla="*/ 5752 h 148867"/>
                <a:gd name="connsiteX23" fmla="*/ 165175 w 378935"/>
                <a:gd name="connsiteY23" fmla="*/ 8594 h 148867"/>
                <a:gd name="connsiteX24" fmla="*/ 246037 w 378935"/>
                <a:gd name="connsiteY24" fmla="*/ 26390 h 148867"/>
                <a:gd name="connsiteX25" fmla="*/ 257710 w 378935"/>
                <a:gd name="connsiteY25" fmla="*/ 28386 h 148867"/>
                <a:gd name="connsiteX26" fmla="*/ 258251 w 378935"/>
                <a:gd name="connsiteY26" fmla="*/ 28454 h 148867"/>
                <a:gd name="connsiteX27" fmla="*/ 277029 w 378935"/>
                <a:gd name="connsiteY27" fmla="*/ 30112 h 148867"/>
                <a:gd name="connsiteX28" fmla="*/ 314685 w 378935"/>
                <a:gd name="connsiteY28" fmla="*/ 30687 h 148867"/>
                <a:gd name="connsiteX29" fmla="*/ 336643 w 378935"/>
                <a:gd name="connsiteY29" fmla="*/ 29367 h 148867"/>
                <a:gd name="connsiteX30" fmla="*/ 348383 w 378935"/>
                <a:gd name="connsiteY30" fmla="*/ 28149 h 148867"/>
                <a:gd name="connsiteX31" fmla="*/ 353594 w 378935"/>
                <a:gd name="connsiteY31" fmla="*/ 27405 h 148867"/>
                <a:gd name="connsiteX32" fmla="*/ 365774 w 378935"/>
                <a:gd name="connsiteY32" fmla="*/ 86072 h 148867"/>
                <a:gd name="connsiteX33" fmla="*/ 380694 w 378935"/>
                <a:gd name="connsiteY33" fmla="*/ 142202 h 1488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</a:cxnLst>
              <a:rect l="l" t="t" r="r" b="b"/>
              <a:pathLst>
                <a:path w="378935" h="148867">
                  <a:moveTo>
                    <a:pt x="380694" y="142202"/>
                  </a:moveTo>
                  <a:cubicBezTo>
                    <a:pt x="371390" y="143555"/>
                    <a:pt x="362052" y="144841"/>
                    <a:pt x="352714" y="145991"/>
                  </a:cubicBezTo>
                  <a:cubicBezTo>
                    <a:pt x="325512" y="149375"/>
                    <a:pt x="298107" y="150254"/>
                    <a:pt x="270769" y="148055"/>
                  </a:cubicBezTo>
                  <a:cubicBezTo>
                    <a:pt x="239102" y="145518"/>
                    <a:pt x="208144" y="139732"/>
                    <a:pt x="177390" y="132052"/>
                  </a:cubicBezTo>
                  <a:cubicBezTo>
                    <a:pt x="170149" y="130259"/>
                    <a:pt x="162875" y="128432"/>
                    <a:pt x="155566" y="126842"/>
                  </a:cubicBezTo>
                  <a:cubicBezTo>
                    <a:pt x="151439" y="125928"/>
                    <a:pt x="147277" y="125082"/>
                    <a:pt x="143082" y="124304"/>
                  </a:cubicBezTo>
                  <a:cubicBezTo>
                    <a:pt x="142304" y="124169"/>
                    <a:pt x="141695" y="124033"/>
                    <a:pt x="141187" y="123966"/>
                  </a:cubicBezTo>
                  <a:cubicBezTo>
                    <a:pt x="135605" y="123424"/>
                    <a:pt x="129989" y="123357"/>
                    <a:pt x="124338" y="123255"/>
                  </a:cubicBezTo>
                  <a:cubicBezTo>
                    <a:pt x="124270" y="123255"/>
                    <a:pt x="122173" y="123357"/>
                    <a:pt x="120414" y="123424"/>
                  </a:cubicBezTo>
                  <a:cubicBezTo>
                    <a:pt x="118215" y="123763"/>
                    <a:pt x="114493" y="124270"/>
                    <a:pt x="113715" y="124440"/>
                  </a:cubicBezTo>
                  <a:cubicBezTo>
                    <a:pt x="82790" y="130631"/>
                    <a:pt x="54438" y="133913"/>
                    <a:pt x="23176" y="127586"/>
                  </a:cubicBezTo>
                  <a:cubicBezTo>
                    <a:pt x="15225" y="125962"/>
                    <a:pt x="7477" y="123661"/>
                    <a:pt x="0" y="120718"/>
                  </a:cubicBezTo>
                  <a:cubicBezTo>
                    <a:pt x="2335" y="78392"/>
                    <a:pt x="11199" y="37826"/>
                    <a:pt x="25646" y="0"/>
                  </a:cubicBezTo>
                  <a:cubicBezTo>
                    <a:pt x="26153" y="406"/>
                    <a:pt x="26661" y="812"/>
                    <a:pt x="27135" y="1252"/>
                  </a:cubicBezTo>
                  <a:cubicBezTo>
                    <a:pt x="28014" y="2030"/>
                    <a:pt x="28691" y="2639"/>
                    <a:pt x="29233" y="3180"/>
                  </a:cubicBezTo>
                  <a:cubicBezTo>
                    <a:pt x="29436" y="3248"/>
                    <a:pt x="29537" y="3316"/>
                    <a:pt x="29774" y="3417"/>
                  </a:cubicBezTo>
                  <a:cubicBezTo>
                    <a:pt x="32040" y="4500"/>
                    <a:pt x="34409" y="6191"/>
                    <a:pt x="36540" y="7545"/>
                  </a:cubicBezTo>
                  <a:cubicBezTo>
                    <a:pt x="37623" y="8188"/>
                    <a:pt x="38503" y="8695"/>
                    <a:pt x="39179" y="9067"/>
                  </a:cubicBezTo>
                  <a:cubicBezTo>
                    <a:pt x="40905" y="9676"/>
                    <a:pt x="42631" y="10285"/>
                    <a:pt x="44356" y="10827"/>
                  </a:cubicBezTo>
                  <a:cubicBezTo>
                    <a:pt x="47536" y="11774"/>
                    <a:pt x="50852" y="12315"/>
                    <a:pt x="54032" y="13229"/>
                  </a:cubicBezTo>
                  <a:cubicBezTo>
                    <a:pt x="56874" y="13297"/>
                    <a:pt x="59784" y="13398"/>
                    <a:pt x="62626" y="13500"/>
                  </a:cubicBezTo>
                  <a:cubicBezTo>
                    <a:pt x="64148" y="13567"/>
                    <a:pt x="65299" y="13601"/>
                    <a:pt x="66145" y="13635"/>
                  </a:cubicBezTo>
                  <a:cubicBezTo>
                    <a:pt x="81404" y="11334"/>
                    <a:pt x="96324" y="7443"/>
                    <a:pt x="111752" y="5752"/>
                  </a:cubicBezTo>
                  <a:cubicBezTo>
                    <a:pt x="129752" y="3789"/>
                    <a:pt x="147345" y="5988"/>
                    <a:pt x="165175" y="8594"/>
                  </a:cubicBezTo>
                  <a:cubicBezTo>
                    <a:pt x="192547" y="12620"/>
                    <a:pt x="218903" y="21315"/>
                    <a:pt x="246037" y="26390"/>
                  </a:cubicBezTo>
                  <a:cubicBezTo>
                    <a:pt x="249928" y="27134"/>
                    <a:pt x="253819" y="27777"/>
                    <a:pt x="257710" y="28386"/>
                  </a:cubicBezTo>
                  <a:cubicBezTo>
                    <a:pt x="257913" y="28386"/>
                    <a:pt x="258048" y="28420"/>
                    <a:pt x="258251" y="28454"/>
                  </a:cubicBezTo>
                  <a:cubicBezTo>
                    <a:pt x="264511" y="29131"/>
                    <a:pt x="270769" y="29706"/>
                    <a:pt x="277029" y="30112"/>
                  </a:cubicBezTo>
                  <a:cubicBezTo>
                    <a:pt x="289581" y="30890"/>
                    <a:pt x="302133" y="31093"/>
                    <a:pt x="314685" y="30687"/>
                  </a:cubicBezTo>
                  <a:cubicBezTo>
                    <a:pt x="322028" y="30450"/>
                    <a:pt x="329335" y="30010"/>
                    <a:pt x="336643" y="29367"/>
                  </a:cubicBezTo>
                  <a:cubicBezTo>
                    <a:pt x="338436" y="29198"/>
                    <a:pt x="349771" y="27913"/>
                    <a:pt x="348383" y="28149"/>
                  </a:cubicBezTo>
                  <a:cubicBezTo>
                    <a:pt x="350109" y="27913"/>
                    <a:pt x="351868" y="27676"/>
                    <a:pt x="353594" y="27405"/>
                  </a:cubicBezTo>
                  <a:cubicBezTo>
                    <a:pt x="356030" y="46013"/>
                    <a:pt x="359989" y="65569"/>
                    <a:pt x="365774" y="86072"/>
                  </a:cubicBezTo>
                  <a:cubicBezTo>
                    <a:pt x="371255" y="105493"/>
                    <a:pt x="376195" y="124203"/>
                    <a:pt x="380694" y="142202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1" name="Freeform: Shape 280">
              <a:extLst>
                <a:ext uri="{FF2B5EF4-FFF2-40B4-BE49-F238E27FC236}">
                  <a16:creationId xmlns="" xmlns:a16="http://schemas.microsoft.com/office/drawing/2014/main" id="{8B079824-C1A6-E046-A573-91FA398A6165}"/>
                </a:ext>
              </a:extLst>
            </p:cNvPr>
            <p:cNvSpPr/>
            <p:nvPr/>
          </p:nvSpPr>
          <p:spPr>
            <a:xfrm>
              <a:off x="11815260" y="6609662"/>
              <a:ext cx="449985" cy="155634"/>
            </a:xfrm>
            <a:custGeom>
              <a:avLst/>
              <a:gdLst>
                <a:gd name="connsiteX0" fmla="*/ 429076 w 449985"/>
                <a:gd name="connsiteY0" fmla="*/ 117876 h 155634"/>
                <a:gd name="connsiteX1" fmla="*/ 431512 w 449985"/>
                <a:gd name="connsiteY1" fmla="*/ 117707 h 155634"/>
                <a:gd name="connsiteX2" fmla="*/ 424340 w 449985"/>
                <a:gd name="connsiteY2" fmla="*/ 118688 h 155634"/>
                <a:gd name="connsiteX3" fmla="*/ 416186 w 449985"/>
                <a:gd name="connsiteY3" fmla="*/ 120650 h 155634"/>
                <a:gd name="connsiteX4" fmla="*/ 394770 w 449985"/>
                <a:gd name="connsiteY4" fmla="*/ 127620 h 155634"/>
                <a:gd name="connsiteX5" fmla="*/ 355049 w 449985"/>
                <a:gd name="connsiteY5" fmla="*/ 142980 h 155634"/>
                <a:gd name="connsiteX6" fmla="*/ 259638 w 449985"/>
                <a:gd name="connsiteY6" fmla="*/ 155871 h 155634"/>
                <a:gd name="connsiteX7" fmla="*/ 87494 w 449985"/>
                <a:gd name="connsiteY7" fmla="*/ 142337 h 155634"/>
                <a:gd name="connsiteX8" fmla="*/ 61205 w 449985"/>
                <a:gd name="connsiteY8" fmla="*/ 144131 h 155634"/>
                <a:gd name="connsiteX9" fmla="*/ 55961 w 449985"/>
                <a:gd name="connsiteY9" fmla="*/ 144740 h 155634"/>
                <a:gd name="connsiteX10" fmla="*/ 50784 w 449985"/>
                <a:gd name="connsiteY10" fmla="*/ 145518 h 155634"/>
                <a:gd name="connsiteX11" fmla="*/ 27101 w 449985"/>
                <a:gd name="connsiteY11" fmla="*/ 149104 h 155634"/>
                <a:gd name="connsiteX12" fmla="*/ 12180 w 449985"/>
                <a:gd name="connsiteY12" fmla="*/ 92974 h 155634"/>
                <a:gd name="connsiteX13" fmla="*/ 0 w 449985"/>
                <a:gd name="connsiteY13" fmla="*/ 34307 h 155634"/>
                <a:gd name="connsiteX14" fmla="*/ 40262 w 449985"/>
                <a:gd name="connsiteY14" fmla="*/ 28386 h 155634"/>
                <a:gd name="connsiteX15" fmla="*/ 126977 w 449985"/>
                <a:gd name="connsiteY15" fmla="*/ 25240 h 155634"/>
                <a:gd name="connsiteX16" fmla="*/ 212035 w 449985"/>
                <a:gd name="connsiteY16" fmla="*/ 33089 h 155634"/>
                <a:gd name="connsiteX17" fmla="*/ 289547 w 449985"/>
                <a:gd name="connsiteY17" fmla="*/ 38096 h 155634"/>
                <a:gd name="connsiteX18" fmla="*/ 290732 w 449985"/>
                <a:gd name="connsiteY18" fmla="*/ 38198 h 155634"/>
                <a:gd name="connsiteX19" fmla="*/ 291103 w 449985"/>
                <a:gd name="connsiteY19" fmla="*/ 38096 h 155634"/>
                <a:gd name="connsiteX20" fmla="*/ 299325 w 449985"/>
                <a:gd name="connsiteY20" fmla="*/ 36337 h 155634"/>
                <a:gd name="connsiteX21" fmla="*/ 315565 w 449985"/>
                <a:gd name="connsiteY21" fmla="*/ 31634 h 155634"/>
                <a:gd name="connsiteX22" fmla="*/ 347403 w 449985"/>
                <a:gd name="connsiteY22" fmla="*/ 19556 h 155634"/>
                <a:gd name="connsiteX23" fmla="*/ 423223 w 449985"/>
                <a:gd name="connsiteY23" fmla="*/ 0 h 155634"/>
                <a:gd name="connsiteX24" fmla="*/ 450426 w 449985"/>
                <a:gd name="connsiteY24" fmla="*/ 112327 h 155634"/>
                <a:gd name="connsiteX25" fmla="*/ 429076 w 449985"/>
                <a:gd name="connsiteY25" fmla="*/ 117876 h 15563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</a:cxnLst>
              <a:rect l="l" t="t" r="r" b="b"/>
              <a:pathLst>
                <a:path w="449985" h="155634">
                  <a:moveTo>
                    <a:pt x="429076" y="117876"/>
                  </a:moveTo>
                  <a:cubicBezTo>
                    <a:pt x="430193" y="117808"/>
                    <a:pt x="430971" y="117740"/>
                    <a:pt x="431512" y="117707"/>
                  </a:cubicBezTo>
                  <a:cubicBezTo>
                    <a:pt x="429651" y="117943"/>
                    <a:pt x="425625" y="118417"/>
                    <a:pt x="424340" y="118688"/>
                  </a:cubicBezTo>
                  <a:cubicBezTo>
                    <a:pt x="421599" y="119263"/>
                    <a:pt x="418893" y="119906"/>
                    <a:pt x="416186" y="120650"/>
                  </a:cubicBezTo>
                  <a:cubicBezTo>
                    <a:pt x="408912" y="122613"/>
                    <a:pt x="401807" y="125049"/>
                    <a:pt x="394770" y="127620"/>
                  </a:cubicBezTo>
                  <a:cubicBezTo>
                    <a:pt x="381439" y="132492"/>
                    <a:pt x="368379" y="138142"/>
                    <a:pt x="355049" y="142980"/>
                  </a:cubicBezTo>
                  <a:cubicBezTo>
                    <a:pt x="324362" y="154112"/>
                    <a:pt x="292152" y="158341"/>
                    <a:pt x="259638" y="155871"/>
                  </a:cubicBezTo>
                  <a:cubicBezTo>
                    <a:pt x="202561" y="151608"/>
                    <a:pt x="144841" y="141018"/>
                    <a:pt x="87494" y="142337"/>
                  </a:cubicBezTo>
                  <a:cubicBezTo>
                    <a:pt x="78697" y="142507"/>
                    <a:pt x="69968" y="143217"/>
                    <a:pt x="61205" y="144131"/>
                  </a:cubicBezTo>
                  <a:cubicBezTo>
                    <a:pt x="61205" y="144131"/>
                    <a:pt x="57889" y="144537"/>
                    <a:pt x="55961" y="144740"/>
                  </a:cubicBezTo>
                  <a:cubicBezTo>
                    <a:pt x="54032" y="145044"/>
                    <a:pt x="50784" y="145518"/>
                    <a:pt x="50784" y="145518"/>
                  </a:cubicBezTo>
                  <a:cubicBezTo>
                    <a:pt x="42901" y="146736"/>
                    <a:pt x="34984" y="147920"/>
                    <a:pt x="27101" y="149104"/>
                  </a:cubicBezTo>
                  <a:cubicBezTo>
                    <a:pt x="22601" y="131105"/>
                    <a:pt x="17661" y="112395"/>
                    <a:pt x="12180" y="92974"/>
                  </a:cubicBezTo>
                  <a:cubicBezTo>
                    <a:pt x="6395" y="72471"/>
                    <a:pt x="2436" y="52916"/>
                    <a:pt x="0" y="34307"/>
                  </a:cubicBezTo>
                  <a:cubicBezTo>
                    <a:pt x="13432" y="32412"/>
                    <a:pt x="26797" y="30179"/>
                    <a:pt x="40262" y="28386"/>
                  </a:cubicBezTo>
                  <a:cubicBezTo>
                    <a:pt x="69359" y="24462"/>
                    <a:pt x="97678" y="23074"/>
                    <a:pt x="126977" y="25240"/>
                  </a:cubicBezTo>
                  <a:cubicBezTo>
                    <a:pt x="155364" y="27337"/>
                    <a:pt x="183682" y="30416"/>
                    <a:pt x="212035" y="33089"/>
                  </a:cubicBezTo>
                  <a:cubicBezTo>
                    <a:pt x="237883" y="35525"/>
                    <a:pt x="263800" y="36067"/>
                    <a:pt x="289547" y="38096"/>
                  </a:cubicBezTo>
                  <a:cubicBezTo>
                    <a:pt x="290021" y="38130"/>
                    <a:pt x="290393" y="38164"/>
                    <a:pt x="290732" y="38198"/>
                  </a:cubicBezTo>
                  <a:cubicBezTo>
                    <a:pt x="290866" y="38164"/>
                    <a:pt x="290934" y="38164"/>
                    <a:pt x="291103" y="38096"/>
                  </a:cubicBezTo>
                  <a:cubicBezTo>
                    <a:pt x="293810" y="37454"/>
                    <a:pt x="296585" y="37014"/>
                    <a:pt x="299325" y="36337"/>
                  </a:cubicBezTo>
                  <a:cubicBezTo>
                    <a:pt x="304806" y="35018"/>
                    <a:pt x="310220" y="33394"/>
                    <a:pt x="315565" y="31634"/>
                  </a:cubicBezTo>
                  <a:cubicBezTo>
                    <a:pt x="326324" y="28048"/>
                    <a:pt x="336846" y="23717"/>
                    <a:pt x="347403" y="19556"/>
                  </a:cubicBezTo>
                  <a:cubicBezTo>
                    <a:pt x="372439" y="9676"/>
                    <a:pt x="396528" y="2876"/>
                    <a:pt x="423223" y="0"/>
                  </a:cubicBezTo>
                  <a:cubicBezTo>
                    <a:pt x="437433" y="35254"/>
                    <a:pt x="446771" y="72979"/>
                    <a:pt x="450426" y="112327"/>
                  </a:cubicBezTo>
                  <a:cubicBezTo>
                    <a:pt x="443659" y="115237"/>
                    <a:pt x="436384" y="117132"/>
                    <a:pt x="429076" y="117876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2" name="Freeform: Shape 281">
              <a:extLst>
                <a:ext uri="{FF2B5EF4-FFF2-40B4-BE49-F238E27FC236}">
                  <a16:creationId xmlns="" xmlns:a16="http://schemas.microsoft.com/office/drawing/2014/main" id="{217F1B95-3543-15D9-3C4B-E8BBA7B9211E}"/>
                </a:ext>
              </a:extLst>
            </p:cNvPr>
            <p:cNvSpPr/>
            <p:nvPr/>
          </p:nvSpPr>
          <p:spPr>
            <a:xfrm>
              <a:off x="11461565" y="6781570"/>
              <a:ext cx="406002" cy="125184"/>
            </a:xfrm>
            <a:custGeom>
              <a:avLst/>
              <a:gdLst>
                <a:gd name="connsiteX0" fmla="*/ 407356 w 406001"/>
                <a:gd name="connsiteY0" fmla="*/ 111887 h 125183"/>
                <a:gd name="connsiteX1" fmla="*/ 269247 w 406001"/>
                <a:gd name="connsiteY1" fmla="*/ 118011 h 125183"/>
                <a:gd name="connsiteX2" fmla="*/ 89625 w 406001"/>
                <a:gd name="connsiteY2" fmla="*/ 125793 h 125183"/>
                <a:gd name="connsiteX3" fmla="*/ 21654 w 406001"/>
                <a:gd name="connsiteY3" fmla="*/ 110805 h 125183"/>
                <a:gd name="connsiteX4" fmla="*/ 0 w 406001"/>
                <a:gd name="connsiteY4" fmla="*/ 0 h 125183"/>
                <a:gd name="connsiteX5" fmla="*/ 42123 w 406001"/>
                <a:gd name="connsiteY5" fmla="*/ 21180 h 125183"/>
                <a:gd name="connsiteX6" fmla="*/ 117876 w 406001"/>
                <a:gd name="connsiteY6" fmla="*/ 36642 h 125183"/>
                <a:gd name="connsiteX7" fmla="*/ 288228 w 406001"/>
                <a:gd name="connsiteY7" fmla="*/ 24597 h 125183"/>
                <a:gd name="connsiteX8" fmla="*/ 390946 w 406001"/>
                <a:gd name="connsiteY8" fmla="*/ 20537 h 125183"/>
                <a:gd name="connsiteX9" fmla="*/ 407356 w 406001"/>
                <a:gd name="connsiteY9" fmla="*/ 111887 h 1251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06001" h="125183">
                  <a:moveTo>
                    <a:pt x="407356" y="111887"/>
                  </a:moveTo>
                  <a:cubicBezTo>
                    <a:pt x="361376" y="108369"/>
                    <a:pt x="315058" y="112903"/>
                    <a:pt x="269247" y="118011"/>
                  </a:cubicBezTo>
                  <a:cubicBezTo>
                    <a:pt x="209734" y="124643"/>
                    <a:pt x="149545" y="132661"/>
                    <a:pt x="89625" y="125793"/>
                  </a:cubicBezTo>
                  <a:cubicBezTo>
                    <a:pt x="65671" y="123053"/>
                    <a:pt x="43476" y="118587"/>
                    <a:pt x="21654" y="110805"/>
                  </a:cubicBezTo>
                  <a:cubicBezTo>
                    <a:pt x="9474" y="75821"/>
                    <a:pt x="2030" y="38638"/>
                    <a:pt x="0" y="0"/>
                  </a:cubicBezTo>
                  <a:cubicBezTo>
                    <a:pt x="14245" y="6598"/>
                    <a:pt x="28082" y="14312"/>
                    <a:pt x="42123" y="21180"/>
                  </a:cubicBezTo>
                  <a:cubicBezTo>
                    <a:pt x="62761" y="31330"/>
                    <a:pt x="92196" y="35525"/>
                    <a:pt x="117876" y="36642"/>
                  </a:cubicBezTo>
                  <a:cubicBezTo>
                    <a:pt x="174920" y="39111"/>
                    <a:pt x="231625" y="30518"/>
                    <a:pt x="288228" y="24597"/>
                  </a:cubicBezTo>
                  <a:cubicBezTo>
                    <a:pt x="322907" y="20943"/>
                    <a:pt x="356909" y="19319"/>
                    <a:pt x="390946" y="20537"/>
                  </a:cubicBezTo>
                  <a:cubicBezTo>
                    <a:pt x="398153" y="53254"/>
                    <a:pt x="403566" y="83603"/>
                    <a:pt x="407356" y="111887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3" name="Freeform: Shape 282">
              <a:extLst>
                <a:ext uri="{FF2B5EF4-FFF2-40B4-BE49-F238E27FC236}">
                  <a16:creationId xmlns="" xmlns:a16="http://schemas.microsoft.com/office/drawing/2014/main" id="{980D7864-472D-12C6-26CB-46DDB37A2270}"/>
                </a:ext>
              </a:extLst>
            </p:cNvPr>
            <p:cNvSpPr/>
            <p:nvPr/>
          </p:nvSpPr>
          <p:spPr>
            <a:xfrm>
              <a:off x="11852511" y="6773213"/>
              <a:ext cx="412769" cy="135334"/>
            </a:xfrm>
            <a:custGeom>
              <a:avLst/>
              <a:gdLst>
                <a:gd name="connsiteX0" fmla="*/ 414765 w 412768"/>
                <a:gd name="connsiteY0" fmla="*/ 0 h 135333"/>
                <a:gd name="connsiteX1" fmla="*/ 397950 w 412768"/>
                <a:gd name="connsiteY1" fmla="*/ 103192 h 135333"/>
                <a:gd name="connsiteX2" fmla="*/ 234669 w 412768"/>
                <a:gd name="connsiteY2" fmla="*/ 135842 h 135333"/>
                <a:gd name="connsiteX3" fmla="*/ 48348 w 412768"/>
                <a:gd name="connsiteY3" fmla="*/ 124067 h 135333"/>
                <a:gd name="connsiteX4" fmla="*/ 16410 w 412768"/>
                <a:gd name="connsiteY4" fmla="*/ 120244 h 135333"/>
                <a:gd name="connsiteX5" fmla="*/ 0 w 412768"/>
                <a:gd name="connsiteY5" fmla="*/ 28894 h 135333"/>
                <a:gd name="connsiteX6" fmla="*/ 75686 w 412768"/>
                <a:gd name="connsiteY6" fmla="*/ 36506 h 135333"/>
                <a:gd name="connsiteX7" fmla="*/ 241131 w 412768"/>
                <a:gd name="connsiteY7" fmla="*/ 43781 h 135333"/>
                <a:gd name="connsiteX8" fmla="*/ 398592 w 412768"/>
                <a:gd name="connsiteY8" fmla="*/ 5041 h 135333"/>
                <a:gd name="connsiteX9" fmla="*/ 414765 w 412768"/>
                <a:gd name="connsiteY9" fmla="*/ 0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</a:cxnLst>
              <a:rect l="l" t="t" r="r" b="b"/>
              <a:pathLst>
                <a:path w="412768" h="135333">
                  <a:moveTo>
                    <a:pt x="414765" y="0"/>
                  </a:moveTo>
                  <a:cubicBezTo>
                    <a:pt x="413648" y="35762"/>
                    <a:pt x="407863" y="70374"/>
                    <a:pt x="397950" y="103192"/>
                  </a:cubicBezTo>
                  <a:cubicBezTo>
                    <a:pt x="345474" y="121293"/>
                    <a:pt x="289547" y="129988"/>
                    <a:pt x="234669" y="135842"/>
                  </a:cubicBezTo>
                  <a:cubicBezTo>
                    <a:pt x="170995" y="142608"/>
                    <a:pt x="111042" y="134488"/>
                    <a:pt x="48348" y="124067"/>
                  </a:cubicBezTo>
                  <a:cubicBezTo>
                    <a:pt x="37725" y="122308"/>
                    <a:pt x="27067" y="121056"/>
                    <a:pt x="16410" y="120244"/>
                  </a:cubicBezTo>
                  <a:cubicBezTo>
                    <a:pt x="12620" y="91959"/>
                    <a:pt x="7207" y="61611"/>
                    <a:pt x="0" y="28894"/>
                  </a:cubicBezTo>
                  <a:cubicBezTo>
                    <a:pt x="25105" y="29740"/>
                    <a:pt x="50243" y="32176"/>
                    <a:pt x="75686" y="36506"/>
                  </a:cubicBezTo>
                  <a:cubicBezTo>
                    <a:pt x="131579" y="45980"/>
                    <a:pt x="184426" y="50344"/>
                    <a:pt x="241131" y="43781"/>
                  </a:cubicBezTo>
                  <a:cubicBezTo>
                    <a:pt x="293472" y="37724"/>
                    <a:pt x="350887" y="28319"/>
                    <a:pt x="398592" y="5041"/>
                  </a:cubicBezTo>
                  <a:cubicBezTo>
                    <a:pt x="403803" y="2470"/>
                    <a:pt x="409284" y="778"/>
                    <a:pt x="414765" y="0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4" name="Freeform: Shape 283">
              <a:extLst>
                <a:ext uri="{FF2B5EF4-FFF2-40B4-BE49-F238E27FC236}">
                  <a16:creationId xmlns="" xmlns:a16="http://schemas.microsoft.com/office/drawing/2014/main" id="{DFF28DED-5775-CA65-6745-E483C51E1439}"/>
                </a:ext>
              </a:extLst>
            </p:cNvPr>
            <p:cNvSpPr/>
            <p:nvPr/>
          </p:nvSpPr>
          <p:spPr>
            <a:xfrm>
              <a:off x="11518981" y="6968534"/>
              <a:ext cx="355252" cy="84584"/>
            </a:xfrm>
            <a:custGeom>
              <a:avLst/>
              <a:gdLst>
                <a:gd name="connsiteX0" fmla="*/ 356571 w 355251"/>
                <a:gd name="connsiteY0" fmla="*/ 22939 h 84583"/>
                <a:gd name="connsiteX1" fmla="*/ 352104 w 355251"/>
                <a:gd name="connsiteY1" fmla="*/ 83907 h 84583"/>
                <a:gd name="connsiteX2" fmla="*/ 163788 w 355251"/>
                <a:gd name="connsiteY2" fmla="*/ 80016 h 84583"/>
                <a:gd name="connsiteX3" fmla="*/ 70915 w 355251"/>
                <a:gd name="connsiteY3" fmla="*/ 63641 h 84583"/>
                <a:gd name="connsiteX4" fmla="*/ 45709 w 355251"/>
                <a:gd name="connsiteY4" fmla="*/ 61509 h 84583"/>
                <a:gd name="connsiteX5" fmla="*/ 0 w 355251"/>
                <a:gd name="connsiteY5" fmla="*/ 0 h 84583"/>
                <a:gd name="connsiteX6" fmla="*/ 85159 w 355251"/>
                <a:gd name="connsiteY6" fmla="*/ 4635 h 84583"/>
                <a:gd name="connsiteX7" fmla="*/ 173464 w 355251"/>
                <a:gd name="connsiteY7" fmla="*/ 20266 h 84583"/>
                <a:gd name="connsiteX8" fmla="*/ 356571 w 355251"/>
                <a:gd name="connsiteY8" fmla="*/ 22939 h 845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355251" h="84583">
                  <a:moveTo>
                    <a:pt x="356571" y="22939"/>
                  </a:moveTo>
                  <a:cubicBezTo>
                    <a:pt x="356368" y="44626"/>
                    <a:pt x="354845" y="64859"/>
                    <a:pt x="352104" y="83907"/>
                  </a:cubicBezTo>
                  <a:cubicBezTo>
                    <a:pt x="289276" y="85091"/>
                    <a:pt x="226312" y="87832"/>
                    <a:pt x="163788" y="80016"/>
                  </a:cubicBezTo>
                  <a:cubicBezTo>
                    <a:pt x="132525" y="76091"/>
                    <a:pt x="102109" y="67701"/>
                    <a:pt x="70915" y="63641"/>
                  </a:cubicBezTo>
                  <a:cubicBezTo>
                    <a:pt x="62524" y="62524"/>
                    <a:pt x="54134" y="61915"/>
                    <a:pt x="45709" y="61509"/>
                  </a:cubicBezTo>
                  <a:cubicBezTo>
                    <a:pt x="28589" y="42563"/>
                    <a:pt x="13262" y="21958"/>
                    <a:pt x="0" y="0"/>
                  </a:cubicBezTo>
                  <a:cubicBezTo>
                    <a:pt x="28318" y="2673"/>
                    <a:pt x="56873" y="541"/>
                    <a:pt x="85159" y="4635"/>
                  </a:cubicBezTo>
                  <a:cubicBezTo>
                    <a:pt x="114797" y="8898"/>
                    <a:pt x="143691" y="16951"/>
                    <a:pt x="173464" y="20266"/>
                  </a:cubicBezTo>
                  <a:cubicBezTo>
                    <a:pt x="234263" y="26965"/>
                    <a:pt x="295535" y="24022"/>
                    <a:pt x="356571" y="22939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5" name="Freeform: Shape 284">
              <a:extLst>
                <a:ext uri="{FF2B5EF4-FFF2-40B4-BE49-F238E27FC236}">
                  <a16:creationId xmlns="" xmlns:a16="http://schemas.microsoft.com/office/drawing/2014/main" id="{EC594E0C-F870-EEAE-55CA-2DC99810F2E6}"/>
                </a:ext>
              </a:extLst>
            </p:cNvPr>
            <p:cNvSpPr/>
            <p:nvPr/>
          </p:nvSpPr>
          <p:spPr>
            <a:xfrm>
              <a:off x="11871086" y="6942854"/>
              <a:ext cx="351868" cy="111650"/>
            </a:xfrm>
            <a:custGeom>
              <a:avLst/>
              <a:gdLst>
                <a:gd name="connsiteX0" fmla="*/ 352714 w 351868"/>
                <a:gd name="connsiteY0" fmla="*/ 0 h 111650"/>
                <a:gd name="connsiteX1" fmla="*/ 308697 w 351868"/>
                <a:gd name="connsiteY1" fmla="*/ 68344 h 111650"/>
                <a:gd name="connsiteX2" fmla="*/ 282408 w 351868"/>
                <a:gd name="connsiteY2" fmla="*/ 72539 h 111650"/>
                <a:gd name="connsiteX3" fmla="*/ 232842 w 351868"/>
                <a:gd name="connsiteY3" fmla="*/ 80456 h 111650"/>
                <a:gd name="connsiteX4" fmla="*/ 192547 w 351868"/>
                <a:gd name="connsiteY4" fmla="*/ 89117 h 111650"/>
                <a:gd name="connsiteX5" fmla="*/ 154924 w 351868"/>
                <a:gd name="connsiteY5" fmla="*/ 110636 h 111650"/>
                <a:gd name="connsiteX6" fmla="*/ 107692 w 351868"/>
                <a:gd name="connsiteY6" fmla="*/ 111414 h 111650"/>
                <a:gd name="connsiteX7" fmla="*/ 9981 w 351868"/>
                <a:gd name="connsiteY7" fmla="*/ 109417 h 111650"/>
                <a:gd name="connsiteX8" fmla="*/ 0 w 351868"/>
                <a:gd name="connsiteY8" fmla="*/ 109586 h 111650"/>
                <a:gd name="connsiteX9" fmla="*/ 4466 w 351868"/>
                <a:gd name="connsiteY9" fmla="*/ 48619 h 111650"/>
                <a:gd name="connsiteX10" fmla="*/ 9981 w 351868"/>
                <a:gd name="connsiteY10" fmla="*/ 48517 h 111650"/>
                <a:gd name="connsiteX11" fmla="*/ 104444 w 351868"/>
                <a:gd name="connsiteY11" fmla="*/ 50277 h 111650"/>
                <a:gd name="connsiteX12" fmla="*/ 141763 w 351868"/>
                <a:gd name="connsiteY12" fmla="*/ 50547 h 111650"/>
                <a:gd name="connsiteX13" fmla="*/ 159390 w 351868"/>
                <a:gd name="connsiteY13" fmla="*/ 37826 h 111650"/>
                <a:gd name="connsiteX14" fmla="*/ 181753 w 351868"/>
                <a:gd name="connsiteY14" fmla="*/ 28285 h 111650"/>
                <a:gd name="connsiteX15" fmla="*/ 269552 w 351868"/>
                <a:gd name="connsiteY15" fmla="*/ 13297 h 111650"/>
                <a:gd name="connsiteX16" fmla="*/ 352714 w 351868"/>
                <a:gd name="connsiteY16" fmla="*/ 0 h 111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</a:cxnLst>
              <a:rect l="l" t="t" r="r" b="b"/>
              <a:pathLst>
                <a:path w="351868" h="111650">
                  <a:moveTo>
                    <a:pt x="352714" y="0"/>
                  </a:moveTo>
                  <a:cubicBezTo>
                    <a:pt x="340331" y="24326"/>
                    <a:pt x="325580" y="47198"/>
                    <a:pt x="308697" y="68344"/>
                  </a:cubicBezTo>
                  <a:cubicBezTo>
                    <a:pt x="299934" y="69731"/>
                    <a:pt x="291171" y="71152"/>
                    <a:pt x="282408" y="72539"/>
                  </a:cubicBezTo>
                  <a:cubicBezTo>
                    <a:pt x="265898" y="75178"/>
                    <a:pt x="249353" y="77817"/>
                    <a:pt x="232842" y="80456"/>
                  </a:cubicBezTo>
                  <a:cubicBezTo>
                    <a:pt x="219816" y="82554"/>
                    <a:pt x="204490" y="83196"/>
                    <a:pt x="192547" y="89117"/>
                  </a:cubicBezTo>
                  <a:cubicBezTo>
                    <a:pt x="179148" y="95783"/>
                    <a:pt x="170047" y="106542"/>
                    <a:pt x="154924" y="110636"/>
                  </a:cubicBezTo>
                  <a:cubicBezTo>
                    <a:pt x="139361" y="114831"/>
                    <a:pt x="123424" y="112598"/>
                    <a:pt x="107692" y="111414"/>
                  </a:cubicBezTo>
                  <a:cubicBezTo>
                    <a:pt x="75178" y="108978"/>
                    <a:pt x="42529" y="108876"/>
                    <a:pt x="9981" y="109417"/>
                  </a:cubicBezTo>
                  <a:cubicBezTo>
                    <a:pt x="6665" y="109485"/>
                    <a:pt x="3316" y="109519"/>
                    <a:pt x="0" y="109586"/>
                  </a:cubicBezTo>
                  <a:cubicBezTo>
                    <a:pt x="2741" y="90538"/>
                    <a:pt x="4263" y="70306"/>
                    <a:pt x="4466" y="48619"/>
                  </a:cubicBezTo>
                  <a:cubicBezTo>
                    <a:pt x="6293" y="48585"/>
                    <a:pt x="8154" y="48551"/>
                    <a:pt x="9981" y="48517"/>
                  </a:cubicBezTo>
                  <a:cubicBezTo>
                    <a:pt x="41446" y="48010"/>
                    <a:pt x="73013" y="48044"/>
                    <a:pt x="104444" y="50277"/>
                  </a:cubicBezTo>
                  <a:cubicBezTo>
                    <a:pt x="115981" y="51088"/>
                    <a:pt x="130801" y="55284"/>
                    <a:pt x="141763" y="50547"/>
                  </a:cubicBezTo>
                  <a:cubicBezTo>
                    <a:pt x="148225" y="47739"/>
                    <a:pt x="153367" y="41446"/>
                    <a:pt x="159390" y="37826"/>
                  </a:cubicBezTo>
                  <a:cubicBezTo>
                    <a:pt x="166258" y="33766"/>
                    <a:pt x="174107" y="30619"/>
                    <a:pt x="181753" y="28285"/>
                  </a:cubicBezTo>
                  <a:cubicBezTo>
                    <a:pt x="209666" y="19826"/>
                    <a:pt x="240726" y="17898"/>
                    <a:pt x="269552" y="13297"/>
                  </a:cubicBezTo>
                  <a:lnTo>
                    <a:pt x="352714" y="0"/>
                  </a:ln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6" name="Freeform: Shape 285">
              <a:extLst>
                <a:ext uri="{FF2B5EF4-FFF2-40B4-BE49-F238E27FC236}">
                  <a16:creationId xmlns="" xmlns:a16="http://schemas.microsoft.com/office/drawing/2014/main" id="{7826335E-62E9-E35F-4223-5D3C924227F4}"/>
                </a:ext>
              </a:extLst>
            </p:cNvPr>
            <p:cNvSpPr/>
            <p:nvPr/>
          </p:nvSpPr>
          <p:spPr>
            <a:xfrm>
              <a:off x="11644131" y="7077983"/>
              <a:ext cx="219918" cy="64284"/>
            </a:xfrm>
            <a:custGeom>
              <a:avLst/>
              <a:gdLst>
                <a:gd name="connsiteX0" fmla="*/ 221169 w 219917"/>
                <a:gd name="connsiteY0" fmla="*/ 5924 h 64283"/>
                <a:gd name="connsiteX1" fmla="*/ 202256 w 219917"/>
                <a:gd name="connsiteY1" fmla="*/ 64253 h 64283"/>
                <a:gd name="connsiteX2" fmla="*/ 191159 w 219917"/>
                <a:gd name="connsiteY2" fmla="*/ 62899 h 64283"/>
                <a:gd name="connsiteX3" fmla="*/ 93177 w 219917"/>
                <a:gd name="connsiteY3" fmla="*/ 64963 h 64283"/>
                <a:gd name="connsiteX4" fmla="*/ 0 w 219917"/>
                <a:gd name="connsiteY4" fmla="*/ 19998 h 64283"/>
                <a:gd name="connsiteX5" fmla="*/ 10218 w 219917"/>
                <a:gd name="connsiteY5" fmla="*/ 15600 h 64283"/>
                <a:gd name="connsiteX6" fmla="*/ 191159 w 219917"/>
                <a:gd name="connsiteY6" fmla="*/ 1999 h 64283"/>
                <a:gd name="connsiteX7" fmla="*/ 221169 w 219917"/>
                <a:gd name="connsiteY7" fmla="*/ 5924 h 64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</a:cxnLst>
              <a:rect l="l" t="t" r="r" b="b"/>
              <a:pathLst>
                <a:path w="219917" h="64283">
                  <a:moveTo>
                    <a:pt x="221169" y="5924"/>
                  </a:moveTo>
                  <a:cubicBezTo>
                    <a:pt x="216433" y="26664"/>
                    <a:pt x="210072" y="45982"/>
                    <a:pt x="202256" y="64253"/>
                  </a:cubicBezTo>
                  <a:cubicBezTo>
                    <a:pt x="198569" y="63745"/>
                    <a:pt x="194880" y="63305"/>
                    <a:pt x="191159" y="62899"/>
                  </a:cubicBezTo>
                  <a:cubicBezTo>
                    <a:pt x="157867" y="59245"/>
                    <a:pt x="125522" y="61140"/>
                    <a:pt x="93177" y="64963"/>
                  </a:cubicBezTo>
                  <a:cubicBezTo>
                    <a:pt x="59987" y="54001"/>
                    <a:pt x="28725" y="38810"/>
                    <a:pt x="0" y="19998"/>
                  </a:cubicBezTo>
                  <a:cubicBezTo>
                    <a:pt x="2943" y="17732"/>
                    <a:pt x="6394" y="16175"/>
                    <a:pt x="10218" y="15600"/>
                  </a:cubicBezTo>
                  <a:cubicBezTo>
                    <a:pt x="70678" y="6871"/>
                    <a:pt x="129886" y="-4700"/>
                    <a:pt x="191159" y="1999"/>
                  </a:cubicBezTo>
                  <a:cubicBezTo>
                    <a:pt x="201208" y="3082"/>
                    <a:pt x="211188" y="4401"/>
                    <a:pt x="221169" y="5924"/>
                  </a:cubicBezTo>
                  <a:close/>
                </a:path>
              </a:pathLst>
            </a:custGeom>
            <a:solidFill>
              <a:srgbClr val="EF6B11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87" name="Freeform: Shape 286">
              <a:extLst>
                <a:ext uri="{FF2B5EF4-FFF2-40B4-BE49-F238E27FC236}">
                  <a16:creationId xmlns="" xmlns:a16="http://schemas.microsoft.com/office/drawing/2014/main" id="{090DE83E-85D8-A668-E8E8-048D3BEF7620}"/>
                </a:ext>
              </a:extLst>
            </p:cNvPr>
            <p:cNvSpPr/>
            <p:nvPr/>
          </p:nvSpPr>
          <p:spPr>
            <a:xfrm>
              <a:off x="11846387" y="7083906"/>
              <a:ext cx="182701" cy="71050"/>
            </a:xfrm>
            <a:custGeom>
              <a:avLst/>
              <a:gdLst>
                <a:gd name="connsiteX0" fmla="*/ 183446 w 182700"/>
                <a:gd name="connsiteY0" fmla="*/ 43984 h 71050"/>
                <a:gd name="connsiteX1" fmla="*/ 83637 w 182700"/>
                <a:gd name="connsiteY1" fmla="*/ 74095 h 71050"/>
                <a:gd name="connsiteX2" fmla="*/ 0 w 182700"/>
                <a:gd name="connsiteY2" fmla="*/ 58329 h 71050"/>
                <a:gd name="connsiteX3" fmla="*/ 18913 w 182700"/>
                <a:gd name="connsiteY3" fmla="*/ 0 h 71050"/>
                <a:gd name="connsiteX4" fmla="*/ 165852 w 182700"/>
                <a:gd name="connsiteY4" fmla="*/ 31702 h 71050"/>
                <a:gd name="connsiteX5" fmla="*/ 183446 w 182700"/>
                <a:gd name="connsiteY5" fmla="*/ 43984 h 710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</a:cxnLst>
              <a:rect l="l" t="t" r="r" b="b"/>
              <a:pathLst>
                <a:path w="182700" h="71050">
                  <a:moveTo>
                    <a:pt x="183446" y="43984"/>
                  </a:moveTo>
                  <a:cubicBezTo>
                    <a:pt x="152116" y="58126"/>
                    <a:pt x="118620" y="68377"/>
                    <a:pt x="83637" y="74095"/>
                  </a:cubicBezTo>
                  <a:cubicBezTo>
                    <a:pt x="55961" y="67633"/>
                    <a:pt x="28116" y="61983"/>
                    <a:pt x="0" y="58329"/>
                  </a:cubicBezTo>
                  <a:cubicBezTo>
                    <a:pt x="7816" y="40059"/>
                    <a:pt x="14177" y="20740"/>
                    <a:pt x="18913" y="0"/>
                  </a:cubicBezTo>
                  <a:cubicBezTo>
                    <a:pt x="68513" y="7443"/>
                    <a:pt x="117200" y="19387"/>
                    <a:pt x="165852" y="31702"/>
                  </a:cubicBezTo>
                  <a:cubicBezTo>
                    <a:pt x="174209" y="33833"/>
                    <a:pt x="179961" y="38333"/>
                    <a:pt x="183446" y="43984"/>
                  </a:cubicBezTo>
                  <a:close/>
                </a:path>
              </a:pathLst>
            </a:custGeom>
            <a:solidFill>
              <a:srgbClr val="FF791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grpSp>
        <p:nvGrpSpPr>
          <p:cNvPr id="288" name="Group 287">
            <a:extLst>
              <a:ext uri="{FF2B5EF4-FFF2-40B4-BE49-F238E27FC236}">
                <a16:creationId xmlns="" xmlns:a16="http://schemas.microsoft.com/office/drawing/2014/main" id="{FCE1A03B-B18D-427B-FC58-39060EB307A9}"/>
              </a:ext>
            </a:extLst>
          </p:cNvPr>
          <p:cNvGrpSpPr/>
          <p:nvPr/>
        </p:nvGrpSpPr>
        <p:grpSpPr>
          <a:xfrm>
            <a:off x="164436" y="2133029"/>
            <a:ext cx="822381" cy="821911"/>
            <a:chOff x="10740405" y="5163788"/>
            <a:chExt cx="717681" cy="717270"/>
          </a:xfrm>
          <a:effectLst>
            <a:outerShdw blurRad="1270000" sx="102000" sy="102000" algn="ctr" rotWithShape="0">
              <a:schemeClr val="accent4">
                <a:lumMod val="75000"/>
              </a:schemeClr>
            </a:outerShdw>
          </a:effectLst>
        </p:grpSpPr>
        <p:sp>
          <p:nvSpPr>
            <p:cNvPr id="289" name="Freeform: Shape 288">
              <a:extLst>
                <a:ext uri="{FF2B5EF4-FFF2-40B4-BE49-F238E27FC236}">
                  <a16:creationId xmlns="" xmlns:a16="http://schemas.microsoft.com/office/drawing/2014/main" id="{D06B9C8C-F55A-AFAA-30D8-A4E9038EF047}"/>
                </a:ext>
              </a:extLst>
            </p:cNvPr>
            <p:cNvSpPr/>
            <p:nvPr/>
          </p:nvSpPr>
          <p:spPr>
            <a:xfrm>
              <a:off x="10967500" y="5165006"/>
              <a:ext cx="490586" cy="710503"/>
            </a:xfrm>
            <a:custGeom>
              <a:avLst/>
              <a:gdLst>
                <a:gd name="connsiteX0" fmla="*/ 492983 w 490585"/>
                <a:gd name="connsiteY0" fmla="*/ 358838 h 710503"/>
                <a:gd name="connsiteX1" fmla="*/ 196770 w 490585"/>
                <a:gd name="connsiteY1" fmla="*/ 713244 h 710503"/>
                <a:gd name="connsiteX2" fmla="*/ 73075 w 490585"/>
                <a:gd name="connsiteY2" fmla="*/ 587857 h 710503"/>
                <a:gd name="connsiteX3" fmla="*/ 259667 w 490585"/>
                <a:gd name="connsiteY3" fmla="*/ 394735 h 710503"/>
                <a:gd name="connsiteX4" fmla="*/ 9772 w 490585"/>
                <a:gd name="connsiteY4" fmla="*/ 212982 h 710503"/>
                <a:gd name="connsiteX5" fmla="*/ 162362 w 490585"/>
                <a:gd name="connsiteY5" fmla="*/ 0 h 710503"/>
                <a:gd name="connsiteX6" fmla="*/ 492983 w 490585"/>
                <a:gd name="connsiteY6" fmla="*/ 358838 h 71050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490585" h="710503">
                  <a:moveTo>
                    <a:pt x="492983" y="358838"/>
                  </a:moveTo>
                  <a:cubicBezTo>
                    <a:pt x="492983" y="535889"/>
                    <a:pt x="365193" y="683132"/>
                    <a:pt x="196770" y="713244"/>
                  </a:cubicBezTo>
                  <a:cubicBezTo>
                    <a:pt x="196770" y="713244"/>
                    <a:pt x="55211" y="651159"/>
                    <a:pt x="73075" y="587857"/>
                  </a:cubicBezTo>
                  <a:cubicBezTo>
                    <a:pt x="90905" y="524554"/>
                    <a:pt x="274282" y="479116"/>
                    <a:pt x="259667" y="394735"/>
                  </a:cubicBezTo>
                  <a:cubicBezTo>
                    <a:pt x="245084" y="310355"/>
                    <a:pt x="66579" y="289242"/>
                    <a:pt x="9772" y="212982"/>
                  </a:cubicBezTo>
                  <a:cubicBezTo>
                    <a:pt x="-47034" y="136721"/>
                    <a:pt x="162362" y="0"/>
                    <a:pt x="162362" y="0"/>
                  </a:cubicBezTo>
                  <a:cubicBezTo>
                    <a:pt x="347465" y="14954"/>
                    <a:pt x="492983" y="169912"/>
                    <a:pt x="492983" y="358838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0" name="Freeform: Shape 289">
              <a:extLst>
                <a:ext uri="{FF2B5EF4-FFF2-40B4-BE49-F238E27FC236}">
                  <a16:creationId xmlns="" xmlns:a16="http://schemas.microsoft.com/office/drawing/2014/main" id="{3561B7E5-D074-1DD5-8F40-7272749B17F6}"/>
                </a:ext>
              </a:extLst>
            </p:cNvPr>
            <p:cNvSpPr/>
            <p:nvPr/>
          </p:nvSpPr>
          <p:spPr>
            <a:xfrm>
              <a:off x="10740405" y="5163788"/>
              <a:ext cx="487202" cy="717270"/>
            </a:xfrm>
            <a:custGeom>
              <a:avLst/>
              <a:gdLst>
                <a:gd name="connsiteX0" fmla="*/ 300171 w 487202"/>
                <a:gd name="connsiteY0" fmla="*/ 589075 h 717269"/>
                <a:gd name="connsiteX1" fmla="*/ 423866 w 487202"/>
                <a:gd name="connsiteY1" fmla="*/ 714462 h 717269"/>
                <a:gd name="connsiteX2" fmla="*/ 360022 w 487202"/>
                <a:gd name="connsiteY2" fmla="*/ 720112 h 717269"/>
                <a:gd name="connsiteX3" fmla="*/ 0 w 487202"/>
                <a:gd name="connsiteY3" fmla="*/ 360056 h 717269"/>
                <a:gd name="connsiteX4" fmla="*/ 360022 w 487202"/>
                <a:gd name="connsiteY4" fmla="*/ 0 h 717269"/>
                <a:gd name="connsiteX5" fmla="*/ 389458 w 487202"/>
                <a:gd name="connsiteY5" fmla="*/ 1218 h 717269"/>
                <a:gd name="connsiteX6" fmla="*/ 236868 w 487202"/>
                <a:gd name="connsiteY6" fmla="*/ 214200 h 717269"/>
                <a:gd name="connsiteX7" fmla="*/ 486763 w 487202"/>
                <a:gd name="connsiteY7" fmla="*/ 395953 h 717269"/>
                <a:gd name="connsiteX8" fmla="*/ 300171 w 487202"/>
                <a:gd name="connsiteY8" fmla="*/ 589075 h 71726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487202" h="717269">
                  <a:moveTo>
                    <a:pt x="300171" y="589075"/>
                  </a:moveTo>
                  <a:cubicBezTo>
                    <a:pt x="282306" y="652377"/>
                    <a:pt x="423866" y="714462"/>
                    <a:pt x="423866" y="714462"/>
                  </a:cubicBezTo>
                  <a:cubicBezTo>
                    <a:pt x="403160" y="718183"/>
                    <a:pt x="381811" y="720112"/>
                    <a:pt x="360022" y="720112"/>
                  </a:cubicBezTo>
                  <a:cubicBezTo>
                    <a:pt x="161182" y="720112"/>
                    <a:pt x="0" y="558895"/>
                    <a:pt x="0" y="360056"/>
                  </a:cubicBezTo>
                  <a:cubicBezTo>
                    <a:pt x="0" y="161217"/>
                    <a:pt x="161182" y="0"/>
                    <a:pt x="360022" y="0"/>
                  </a:cubicBezTo>
                  <a:cubicBezTo>
                    <a:pt x="369936" y="0"/>
                    <a:pt x="379747" y="406"/>
                    <a:pt x="389458" y="1218"/>
                  </a:cubicBezTo>
                  <a:cubicBezTo>
                    <a:pt x="389458" y="1218"/>
                    <a:pt x="180062" y="137939"/>
                    <a:pt x="236868" y="214200"/>
                  </a:cubicBezTo>
                  <a:cubicBezTo>
                    <a:pt x="293675" y="290460"/>
                    <a:pt x="472180" y="311573"/>
                    <a:pt x="486763" y="395953"/>
                  </a:cubicBezTo>
                  <a:cubicBezTo>
                    <a:pt x="501378" y="480334"/>
                    <a:pt x="318001" y="525772"/>
                    <a:pt x="300171" y="589075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1" name="Freeform: Shape 290">
              <a:extLst>
                <a:ext uri="{FF2B5EF4-FFF2-40B4-BE49-F238E27FC236}">
                  <a16:creationId xmlns="" xmlns:a16="http://schemas.microsoft.com/office/drawing/2014/main" id="{2922F120-56E5-F482-B72E-0A77F75A2616}"/>
                </a:ext>
              </a:extLst>
            </p:cNvPr>
            <p:cNvSpPr/>
            <p:nvPr/>
          </p:nvSpPr>
          <p:spPr>
            <a:xfrm>
              <a:off x="10797109" y="5364489"/>
              <a:ext cx="135334" cy="135334"/>
            </a:xfrm>
            <a:custGeom>
              <a:avLst/>
              <a:gdLst>
                <a:gd name="connsiteX0" fmla="*/ 136552 w 135333"/>
                <a:gd name="connsiteY0" fmla="*/ 68276 h 135333"/>
                <a:gd name="connsiteX1" fmla="*/ 68277 w 135333"/>
                <a:gd name="connsiteY1" fmla="*/ 136552 h 135333"/>
                <a:gd name="connsiteX2" fmla="*/ 1 w 135333"/>
                <a:gd name="connsiteY2" fmla="*/ 68276 h 135333"/>
                <a:gd name="connsiteX3" fmla="*/ 68277 w 135333"/>
                <a:gd name="connsiteY3" fmla="*/ 0 h 135333"/>
                <a:gd name="connsiteX4" fmla="*/ 136552 w 135333"/>
                <a:gd name="connsiteY4" fmla="*/ 68276 h 13533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35333" h="135333">
                  <a:moveTo>
                    <a:pt x="136552" y="68276"/>
                  </a:moveTo>
                  <a:cubicBezTo>
                    <a:pt x="136552" y="105984"/>
                    <a:pt x="105984" y="136552"/>
                    <a:pt x="68277" y="136552"/>
                  </a:cubicBezTo>
                  <a:cubicBezTo>
                    <a:pt x="30569" y="136552"/>
                    <a:pt x="1" y="105984"/>
                    <a:pt x="1" y="68276"/>
                  </a:cubicBezTo>
                  <a:cubicBezTo>
                    <a:pt x="1" y="30568"/>
                    <a:pt x="30569" y="0"/>
                    <a:pt x="68277" y="0"/>
                  </a:cubicBezTo>
                  <a:cubicBezTo>
                    <a:pt x="105984" y="0"/>
                    <a:pt x="136552" y="30568"/>
                    <a:pt x="136552" y="68276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2" name="Freeform: Shape 291">
              <a:extLst>
                <a:ext uri="{FF2B5EF4-FFF2-40B4-BE49-F238E27FC236}">
                  <a16:creationId xmlns="" xmlns:a16="http://schemas.microsoft.com/office/drawing/2014/main" id="{3ADD8E04-102B-46E5-DDDE-1A004E468F78}"/>
                </a:ext>
              </a:extLst>
            </p:cNvPr>
            <p:cNvSpPr/>
            <p:nvPr/>
          </p:nvSpPr>
          <p:spPr>
            <a:xfrm>
              <a:off x="10950443" y="5471166"/>
              <a:ext cx="206384" cy="206384"/>
            </a:xfrm>
            <a:custGeom>
              <a:avLst/>
              <a:gdLst>
                <a:gd name="connsiteX0" fmla="*/ 207670 w 206384"/>
                <a:gd name="connsiteY0" fmla="*/ 103835 h 206384"/>
                <a:gd name="connsiteX1" fmla="*/ 103835 w 206384"/>
                <a:gd name="connsiteY1" fmla="*/ 207670 h 206384"/>
                <a:gd name="connsiteX2" fmla="*/ 0 w 206384"/>
                <a:gd name="connsiteY2" fmla="*/ 103835 h 206384"/>
                <a:gd name="connsiteX3" fmla="*/ 103835 w 206384"/>
                <a:gd name="connsiteY3" fmla="*/ 0 h 206384"/>
                <a:gd name="connsiteX4" fmla="*/ 207670 w 206384"/>
                <a:gd name="connsiteY4" fmla="*/ 103835 h 20638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06384" h="206384">
                  <a:moveTo>
                    <a:pt x="207670" y="103835"/>
                  </a:moveTo>
                  <a:cubicBezTo>
                    <a:pt x="207670" y="161181"/>
                    <a:pt x="161181" y="207670"/>
                    <a:pt x="103835" y="207670"/>
                  </a:cubicBezTo>
                  <a:cubicBezTo>
                    <a:pt x="46488" y="207670"/>
                    <a:pt x="0" y="161181"/>
                    <a:pt x="0" y="103835"/>
                  </a:cubicBezTo>
                  <a:cubicBezTo>
                    <a:pt x="0" y="46488"/>
                    <a:pt x="46489" y="0"/>
                    <a:pt x="103835" y="0"/>
                  </a:cubicBezTo>
                  <a:cubicBezTo>
                    <a:pt x="161182" y="0"/>
                    <a:pt x="207670" y="46488"/>
                    <a:pt x="207670" y="103835"/>
                  </a:cubicBezTo>
                  <a:close/>
                </a:path>
              </a:pathLst>
            </a:custGeom>
            <a:solidFill>
              <a:srgbClr val="8648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3" name="Freeform: Shape 292">
              <a:extLst>
                <a:ext uri="{FF2B5EF4-FFF2-40B4-BE49-F238E27FC236}">
                  <a16:creationId xmlns="" xmlns:a16="http://schemas.microsoft.com/office/drawing/2014/main" id="{58DAAFF3-3E33-4024-7064-93D29DE4A9D2}"/>
                </a:ext>
              </a:extLst>
            </p:cNvPr>
            <p:cNvSpPr/>
            <p:nvPr/>
          </p:nvSpPr>
          <p:spPr>
            <a:xfrm>
              <a:off x="11246790" y="5407423"/>
              <a:ext cx="108267" cy="108267"/>
            </a:xfrm>
            <a:custGeom>
              <a:avLst/>
              <a:gdLst>
                <a:gd name="connsiteX0" fmla="*/ 110838 w 108267"/>
                <a:gd name="connsiteY0" fmla="*/ 55419 h 108267"/>
                <a:gd name="connsiteX1" fmla="*/ 55419 w 108267"/>
                <a:gd name="connsiteY1" fmla="*/ 110839 h 108267"/>
                <a:gd name="connsiteX2" fmla="*/ 1 w 108267"/>
                <a:gd name="connsiteY2" fmla="*/ 55419 h 108267"/>
                <a:gd name="connsiteX3" fmla="*/ 55419 w 108267"/>
                <a:gd name="connsiteY3" fmla="*/ 0 h 108267"/>
                <a:gd name="connsiteX4" fmla="*/ 110838 w 108267"/>
                <a:gd name="connsiteY4" fmla="*/ 55419 h 10826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08267" h="108267">
                  <a:moveTo>
                    <a:pt x="110838" y="55419"/>
                  </a:moveTo>
                  <a:cubicBezTo>
                    <a:pt x="110838" y="86026"/>
                    <a:pt x="86026" y="110839"/>
                    <a:pt x="55419" y="110839"/>
                  </a:cubicBezTo>
                  <a:cubicBezTo>
                    <a:pt x="24812" y="110839"/>
                    <a:pt x="1" y="86026"/>
                    <a:pt x="1" y="55419"/>
                  </a:cubicBezTo>
                  <a:cubicBezTo>
                    <a:pt x="1" y="24812"/>
                    <a:pt x="24812" y="0"/>
                    <a:pt x="55419" y="0"/>
                  </a:cubicBezTo>
                  <a:cubicBezTo>
                    <a:pt x="86026" y="0"/>
                    <a:pt x="110838" y="24812"/>
                    <a:pt x="110838" y="5541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294" name="Freeform: Shape 293">
              <a:extLst>
                <a:ext uri="{FF2B5EF4-FFF2-40B4-BE49-F238E27FC236}">
                  <a16:creationId xmlns="" xmlns:a16="http://schemas.microsoft.com/office/drawing/2014/main" id="{EDA46FE2-E39C-2367-43A9-F01919AB6F18}"/>
                </a:ext>
              </a:extLst>
            </p:cNvPr>
            <p:cNvSpPr/>
            <p:nvPr/>
          </p:nvSpPr>
          <p:spPr>
            <a:xfrm>
              <a:off x="11133414" y="5726676"/>
              <a:ext cx="77817" cy="77817"/>
            </a:xfrm>
            <a:custGeom>
              <a:avLst/>
              <a:gdLst>
                <a:gd name="connsiteX0" fmla="*/ 78359 w 77817"/>
                <a:gd name="connsiteY0" fmla="*/ 39179 h 77817"/>
                <a:gd name="connsiteX1" fmla="*/ 39179 w 77817"/>
                <a:gd name="connsiteY1" fmla="*/ 78358 h 77817"/>
                <a:gd name="connsiteX2" fmla="*/ 0 w 77817"/>
                <a:gd name="connsiteY2" fmla="*/ 39179 h 77817"/>
                <a:gd name="connsiteX3" fmla="*/ 39179 w 77817"/>
                <a:gd name="connsiteY3" fmla="*/ 0 h 77817"/>
                <a:gd name="connsiteX4" fmla="*/ 78359 w 77817"/>
                <a:gd name="connsiteY4" fmla="*/ 39179 h 7781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7817" h="77817">
                  <a:moveTo>
                    <a:pt x="78359" y="39179"/>
                  </a:moveTo>
                  <a:cubicBezTo>
                    <a:pt x="78359" y="60817"/>
                    <a:pt x="60817" y="78358"/>
                    <a:pt x="39179" y="78358"/>
                  </a:cubicBezTo>
                  <a:cubicBezTo>
                    <a:pt x="17541" y="78358"/>
                    <a:pt x="0" y="60817"/>
                    <a:pt x="0" y="39179"/>
                  </a:cubicBezTo>
                  <a:cubicBezTo>
                    <a:pt x="0" y="17541"/>
                    <a:pt x="17541" y="0"/>
                    <a:pt x="39179" y="0"/>
                  </a:cubicBezTo>
                  <a:cubicBezTo>
                    <a:pt x="60817" y="0"/>
                    <a:pt x="78359" y="17541"/>
                    <a:pt x="78359" y="39179"/>
                  </a:cubicBezTo>
                  <a:close/>
                </a:path>
              </a:pathLst>
            </a:custGeom>
            <a:solidFill>
              <a:srgbClr val="751DFF"/>
            </a:solidFill>
            <a:ln w="3383" cap="flat">
              <a:noFill/>
              <a:prstDash val="solid"/>
              <a:miter/>
            </a:ln>
          </p:spPr>
          <p:txBody>
            <a:bodyPr rtlCol="0" anchor="ctr"/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506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pic>
        <p:nvPicPr>
          <p:cNvPr id="132" name="Picture 131">
            <a:extLst>
              <a:ext uri="{FF2B5EF4-FFF2-40B4-BE49-F238E27FC236}">
                <a16:creationId xmlns="" xmlns:a16="http://schemas.microsoft.com/office/drawing/2014/main" id="{DFDE072D-FF37-41F1-79CF-35352DC47AD0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63525" y="7970568"/>
            <a:ext cx="7985052" cy="8000982"/>
          </a:xfrm>
          <a:prstGeom prst="rect">
            <a:avLst/>
          </a:prstGeom>
        </p:spPr>
      </p:pic>
      <p:sp>
        <p:nvSpPr>
          <p:cNvPr id="295" name="Freeform: Shape 294">
            <a:extLst>
              <a:ext uri="{FF2B5EF4-FFF2-40B4-BE49-F238E27FC236}">
                <a16:creationId xmlns="" xmlns:a16="http://schemas.microsoft.com/office/drawing/2014/main" id="{0142C1FE-55E8-B77F-99B9-1477D70B86DC}"/>
              </a:ext>
            </a:extLst>
          </p:cNvPr>
          <p:cNvSpPr/>
          <p:nvPr/>
        </p:nvSpPr>
        <p:spPr>
          <a:xfrm>
            <a:off x="1712801" y="10585317"/>
            <a:ext cx="3679210" cy="1389820"/>
          </a:xfrm>
          <a:custGeom>
            <a:avLst/>
            <a:gdLst>
              <a:gd name="connsiteX0" fmla="*/ 126436 w 2615328"/>
              <a:gd name="connsiteY0" fmla="*/ 493360 h 987937"/>
              <a:gd name="connsiteX1" fmla="*/ 320404 w 2615328"/>
              <a:gd name="connsiteY1" fmla="*/ 338030 h 987937"/>
              <a:gd name="connsiteX2" fmla="*/ 410096 w 2615328"/>
              <a:gd name="connsiteY2" fmla="*/ 359413 h 987937"/>
              <a:gd name="connsiteX3" fmla="*/ 631807 w 2615328"/>
              <a:gd name="connsiteY3" fmla="*/ 221948 h 987937"/>
              <a:gd name="connsiteX4" fmla="*/ 714835 w 2615328"/>
              <a:gd name="connsiteY4" fmla="*/ 236225 h 987937"/>
              <a:gd name="connsiteX5" fmla="*/ 977652 w 2615328"/>
              <a:gd name="connsiteY5" fmla="*/ 71659 h 987937"/>
              <a:gd name="connsiteX6" fmla="*/ 1212152 w 2615328"/>
              <a:gd name="connsiteY6" fmla="*/ 189603 h 987937"/>
              <a:gd name="connsiteX7" fmla="*/ 1485696 w 2615328"/>
              <a:gd name="connsiteY7" fmla="*/ 0 h 987937"/>
              <a:gd name="connsiteX8" fmla="*/ 1772638 w 2615328"/>
              <a:gd name="connsiteY8" fmla="*/ 237511 h 987937"/>
              <a:gd name="connsiteX9" fmla="*/ 2011435 w 2615328"/>
              <a:gd name="connsiteY9" fmla="*/ 130394 h 987937"/>
              <a:gd name="connsiteX10" fmla="*/ 2330688 w 2615328"/>
              <a:gd name="connsiteY10" fmla="*/ 432121 h 987937"/>
              <a:gd name="connsiteX11" fmla="*/ 2407659 w 2615328"/>
              <a:gd name="connsiteY11" fmla="*/ 417471 h 987937"/>
              <a:gd name="connsiteX12" fmla="*/ 2617055 w 2615328"/>
              <a:gd name="connsiteY12" fmla="*/ 626867 h 987937"/>
              <a:gd name="connsiteX13" fmla="*/ 2407659 w 2615328"/>
              <a:gd name="connsiteY13" fmla="*/ 836262 h 987937"/>
              <a:gd name="connsiteX14" fmla="*/ 2289648 w 2615328"/>
              <a:gd name="connsiteY14" fmla="*/ 799857 h 987937"/>
              <a:gd name="connsiteX15" fmla="*/ 2137837 w 2615328"/>
              <a:gd name="connsiteY15" fmla="*/ 865122 h 987937"/>
              <a:gd name="connsiteX16" fmla="*/ 1998510 w 2615328"/>
              <a:gd name="connsiteY16" fmla="*/ 812004 h 987937"/>
              <a:gd name="connsiteX17" fmla="*/ 1711941 w 2615328"/>
              <a:gd name="connsiteY17" fmla="*/ 989798 h 987937"/>
              <a:gd name="connsiteX18" fmla="*/ 1420161 w 2615328"/>
              <a:gd name="connsiteY18" fmla="*/ 801075 h 987937"/>
              <a:gd name="connsiteX19" fmla="*/ 1325291 w 2615328"/>
              <a:gd name="connsiteY19" fmla="*/ 816842 h 987937"/>
              <a:gd name="connsiteX20" fmla="*/ 1298360 w 2615328"/>
              <a:gd name="connsiteY20" fmla="*/ 815590 h 987937"/>
              <a:gd name="connsiteX21" fmla="*/ 1163026 w 2615328"/>
              <a:gd name="connsiteY21" fmla="*/ 868844 h 987937"/>
              <a:gd name="connsiteX22" fmla="*/ 1048195 w 2615328"/>
              <a:gd name="connsiteY22" fmla="*/ 832270 h 987937"/>
              <a:gd name="connsiteX23" fmla="*/ 950485 w 2615328"/>
              <a:gd name="connsiteY23" fmla="*/ 849051 h 987937"/>
              <a:gd name="connsiteX24" fmla="*/ 878927 w 2615328"/>
              <a:gd name="connsiteY24" fmla="*/ 840221 h 987937"/>
              <a:gd name="connsiteX25" fmla="*/ 763385 w 2615328"/>
              <a:gd name="connsiteY25" fmla="*/ 877302 h 987937"/>
              <a:gd name="connsiteX26" fmla="*/ 644460 w 2615328"/>
              <a:gd name="connsiteY26" fmla="*/ 837819 h 987937"/>
              <a:gd name="connsiteX27" fmla="*/ 575305 w 2615328"/>
              <a:gd name="connsiteY27" fmla="*/ 854262 h 987937"/>
              <a:gd name="connsiteX28" fmla="*/ 482398 w 2615328"/>
              <a:gd name="connsiteY28" fmla="*/ 877302 h 987937"/>
              <a:gd name="connsiteX29" fmla="*/ 340601 w 2615328"/>
              <a:gd name="connsiteY29" fmla="*/ 817789 h 987937"/>
              <a:gd name="connsiteX30" fmla="*/ 198806 w 2615328"/>
              <a:gd name="connsiteY30" fmla="*/ 877302 h 987937"/>
              <a:gd name="connsiteX31" fmla="*/ 0 w 2615328"/>
              <a:gd name="connsiteY31" fmla="*/ 678497 h 987937"/>
              <a:gd name="connsiteX32" fmla="*/ 126436 w 2615328"/>
              <a:gd name="connsiteY32" fmla="*/ 493360 h 98793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</a:cxnLst>
            <a:rect l="l" t="t" r="r" b="b"/>
            <a:pathLst>
              <a:path w="2615328" h="987937">
                <a:moveTo>
                  <a:pt x="126436" y="493360"/>
                </a:moveTo>
                <a:cubicBezTo>
                  <a:pt x="146262" y="404479"/>
                  <a:pt x="225568" y="338030"/>
                  <a:pt x="320404" y="338030"/>
                </a:cubicBezTo>
                <a:cubicBezTo>
                  <a:pt x="352681" y="338030"/>
                  <a:pt x="383131" y="345778"/>
                  <a:pt x="410096" y="359413"/>
                </a:cubicBezTo>
                <a:cubicBezTo>
                  <a:pt x="450595" y="277942"/>
                  <a:pt x="534672" y="221948"/>
                  <a:pt x="631807" y="221948"/>
                </a:cubicBezTo>
                <a:cubicBezTo>
                  <a:pt x="660937" y="221948"/>
                  <a:pt x="688883" y="226989"/>
                  <a:pt x="714835" y="236225"/>
                </a:cubicBezTo>
                <a:cubicBezTo>
                  <a:pt x="762167" y="138819"/>
                  <a:pt x="862078" y="71659"/>
                  <a:pt x="977652" y="71659"/>
                </a:cubicBezTo>
                <a:cubicBezTo>
                  <a:pt x="1073706" y="71659"/>
                  <a:pt x="1158932" y="118045"/>
                  <a:pt x="1212152" y="189603"/>
                </a:cubicBezTo>
                <a:cubicBezTo>
                  <a:pt x="1253633" y="78832"/>
                  <a:pt x="1360445" y="0"/>
                  <a:pt x="1485696" y="0"/>
                </a:cubicBezTo>
                <a:cubicBezTo>
                  <a:pt x="1628339" y="0"/>
                  <a:pt x="1747093" y="102279"/>
                  <a:pt x="1772638" y="237511"/>
                </a:cubicBezTo>
                <a:cubicBezTo>
                  <a:pt x="1831204" y="171806"/>
                  <a:pt x="1916464" y="130394"/>
                  <a:pt x="2011435" y="130394"/>
                </a:cubicBezTo>
                <a:cubicBezTo>
                  <a:pt x="2181989" y="130394"/>
                  <a:pt x="2321316" y="263901"/>
                  <a:pt x="2330688" y="432121"/>
                </a:cubicBezTo>
                <a:cubicBezTo>
                  <a:pt x="2354507" y="422682"/>
                  <a:pt x="2380457" y="417471"/>
                  <a:pt x="2407659" y="417471"/>
                </a:cubicBezTo>
                <a:cubicBezTo>
                  <a:pt x="2523302" y="417471"/>
                  <a:pt x="2617055" y="511224"/>
                  <a:pt x="2617055" y="626867"/>
                </a:cubicBezTo>
                <a:cubicBezTo>
                  <a:pt x="2617055" y="742509"/>
                  <a:pt x="2523302" y="836262"/>
                  <a:pt x="2407659" y="836262"/>
                </a:cubicBezTo>
                <a:cubicBezTo>
                  <a:pt x="2363879" y="836262"/>
                  <a:pt x="2323244" y="822796"/>
                  <a:pt x="2289648" y="799857"/>
                </a:cubicBezTo>
                <a:cubicBezTo>
                  <a:pt x="2251483" y="840051"/>
                  <a:pt x="2197587" y="865122"/>
                  <a:pt x="2137837" y="865122"/>
                </a:cubicBezTo>
                <a:cubicBezTo>
                  <a:pt x="2084313" y="865122"/>
                  <a:pt x="2035524" y="845025"/>
                  <a:pt x="1998510" y="812004"/>
                </a:cubicBezTo>
                <a:cubicBezTo>
                  <a:pt x="1946203" y="917361"/>
                  <a:pt x="1837530" y="989798"/>
                  <a:pt x="1711941" y="989798"/>
                </a:cubicBezTo>
                <a:cubicBezTo>
                  <a:pt x="1582021" y="989798"/>
                  <a:pt x="1470200" y="912320"/>
                  <a:pt x="1420161" y="801075"/>
                </a:cubicBezTo>
                <a:cubicBezTo>
                  <a:pt x="1390421" y="811293"/>
                  <a:pt x="1358517" y="816842"/>
                  <a:pt x="1325291" y="816842"/>
                </a:cubicBezTo>
                <a:cubicBezTo>
                  <a:pt x="1316225" y="816842"/>
                  <a:pt x="1307225" y="816402"/>
                  <a:pt x="1298360" y="815590"/>
                </a:cubicBezTo>
                <a:cubicBezTo>
                  <a:pt x="1262870" y="848611"/>
                  <a:pt x="1215299" y="868844"/>
                  <a:pt x="1163026" y="868844"/>
                </a:cubicBezTo>
                <a:cubicBezTo>
                  <a:pt x="1120227" y="868844"/>
                  <a:pt x="1080641" y="855277"/>
                  <a:pt x="1048195" y="832270"/>
                </a:cubicBezTo>
                <a:cubicBezTo>
                  <a:pt x="1017644" y="843130"/>
                  <a:pt x="984758" y="849051"/>
                  <a:pt x="950485" y="849051"/>
                </a:cubicBezTo>
                <a:cubicBezTo>
                  <a:pt x="925785" y="849051"/>
                  <a:pt x="901833" y="845972"/>
                  <a:pt x="878927" y="840221"/>
                </a:cubicBezTo>
                <a:cubicBezTo>
                  <a:pt x="846344" y="863532"/>
                  <a:pt x="806489" y="877302"/>
                  <a:pt x="763385" y="877302"/>
                </a:cubicBezTo>
                <a:cubicBezTo>
                  <a:pt x="718793" y="877302"/>
                  <a:pt x="677618" y="862618"/>
                  <a:pt x="644460" y="837819"/>
                </a:cubicBezTo>
                <a:cubicBezTo>
                  <a:pt x="623111" y="847190"/>
                  <a:pt x="599801" y="852976"/>
                  <a:pt x="575305" y="854262"/>
                </a:cubicBezTo>
                <a:cubicBezTo>
                  <a:pt x="547562" y="868945"/>
                  <a:pt x="515961" y="877302"/>
                  <a:pt x="482398" y="877302"/>
                </a:cubicBezTo>
                <a:cubicBezTo>
                  <a:pt x="426844" y="877302"/>
                  <a:pt x="376668" y="854498"/>
                  <a:pt x="340601" y="817789"/>
                </a:cubicBezTo>
                <a:cubicBezTo>
                  <a:pt x="304536" y="854498"/>
                  <a:pt x="254326" y="877302"/>
                  <a:pt x="198806" y="877302"/>
                </a:cubicBezTo>
                <a:cubicBezTo>
                  <a:pt x="89016" y="877302"/>
                  <a:pt x="0" y="788286"/>
                  <a:pt x="0" y="678497"/>
                </a:cubicBezTo>
                <a:cubicBezTo>
                  <a:pt x="-33" y="594285"/>
                  <a:pt x="52409" y="522287"/>
                  <a:pt x="126436" y="493360"/>
                </a:cubicBezTo>
                <a:close/>
              </a:path>
            </a:pathLst>
          </a:custGeom>
          <a:solidFill>
            <a:srgbClr val="6586DC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6" name="Freeform: Shape 295">
            <a:extLst>
              <a:ext uri="{FF2B5EF4-FFF2-40B4-BE49-F238E27FC236}">
                <a16:creationId xmlns="" xmlns:a16="http://schemas.microsoft.com/office/drawing/2014/main" id="{CBB576B5-3852-367B-36AF-CEEA64F9DE08}"/>
              </a:ext>
            </a:extLst>
          </p:cNvPr>
          <p:cNvSpPr/>
          <p:nvPr/>
        </p:nvSpPr>
        <p:spPr>
          <a:xfrm>
            <a:off x="1179716" y="10779065"/>
            <a:ext cx="4745378" cy="1594486"/>
          </a:xfrm>
          <a:custGeom>
            <a:avLst/>
            <a:gdLst>
              <a:gd name="connsiteX0" fmla="*/ 3187047 w 3373198"/>
              <a:gd name="connsiteY0" fmla="*/ 642092 h 1133421"/>
              <a:gd name="connsiteX1" fmla="*/ 3119853 w 3373198"/>
              <a:gd name="connsiteY1" fmla="*/ 654407 h 1133421"/>
              <a:gd name="connsiteX2" fmla="*/ 3059359 w 3373198"/>
              <a:gd name="connsiteY2" fmla="*/ 619220 h 1133421"/>
              <a:gd name="connsiteX3" fmla="*/ 2837107 w 3373198"/>
              <a:gd name="connsiteY3" fmla="*/ 441256 h 1133421"/>
              <a:gd name="connsiteX4" fmla="*/ 2734354 w 3373198"/>
              <a:gd name="connsiteY4" fmla="*/ 465785 h 1133421"/>
              <a:gd name="connsiteX5" fmla="*/ 2480332 w 3373198"/>
              <a:gd name="connsiteY5" fmla="*/ 308291 h 1133421"/>
              <a:gd name="connsiteX6" fmla="*/ 2409655 w 3373198"/>
              <a:gd name="connsiteY6" fmla="*/ 317189 h 1133421"/>
              <a:gd name="connsiteX7" fmla="*/ 2094969 w 3373198"/>
              <a:gd name="connsiteY7" fmla="*/ 114425 h 1133421"/>
              <a:gd name="connsiteX8" fmla="*/ 1819497 w 3373198"/>
              <a:gd name="connsiteY8" fmla="*/ 251417 h 1133421"/>
              <a:gd name="connsiteX9" fmla="*/ 1475004 w 3373198"/>
              <a:gd name="connsiteY9" fmla="*/ 0 h 1133421"/>
              <a:gd name="connsiteX10" fmla="*/ 1122798 w 3373198"/>
              <a:gd name="connsiteY10" fmla="*/ 279261 h 1133421"/>
              <a:gd name="connsiteX11" fmla="*/ 899700 w 3373198"/>
              <a:gd name="connsiteY11" fmla="*/ 203475 h 1133421"/>
              <a:gd name="connsiteX12" fmla="*/ 547662 w 3373198"/>
              <a:gd name="connsiteY12" fmla="*/ 468086 h 1133421"/>
              <a:gd name="connsiteX13" fmla="*/ 445756 w 3373198"/>
              <a:gd name="connsiteY13" fmla="*/ 449072 h 1133421"/>
              <a:gd name="connsiteX14" fmla="*/ 182937 w 3373198"/>
              <a:gd name="connsiteY14" fmla="*/ 629438 h 1133421"/>
              <a:gd name="connsiteX15" fmla="*/ 0 w 3373198"/>
              <a:gd name="connsiteY15" fmla="*/ 829259 h 1133421"/>
              <a:gd name="connsiteX16" fmla="*/ 200633 w 3373198"/>
              <a:gd name="connsiteY16" fmla="*/ 1029891 h 1133421"/>
              <a:gd name="connsiteX17" fmla="*/ 326222 w 3373198"/>
              <a:gd name="connsiteY17" fmla="*/ 985671 h 1133421"/>
              <a:gd name="connsiteX18" fmla="*/ 445790 w 3373198"/>
              <a:gd name="connsiteY18" fmla="*/ 1012264 h 1133421"/>
              <a:gd name="connsiteX19" fmla="*/ 585489 w 3373198"/>
              <a:gd name="connsiteY19" fmla="*/ 975216 h 1133421"/>
              <a:gd name="connsiteX20" fmla="*/ 754960 w 3373198"/>
              <a:gd name="connsiteY20" fmla="*/ 1045319 h 1133421"/>
              <a:gd name="connsiteX21" fmla="*/ 903692 w 3373198"/>
              <a:gd name="connsiteY21" fmla="*/ 993588 h 1133421"/>
              <a:gd name="connsiteX22" fmla="*/ 1193205 w 3373198"/>
              <a:gd name="connsiteY22" fmla="*/ 1135452 h 1133421"/>
              <a:gd name="connsiteX23" fmla="*/ 1515537 w 3373198"/>
              <a:gd name="connsiteY23" fmla="*/ 943379 h 1133421"/>
              <a:gd name="connsiteX24" fmla="*/ 1685923 w 3373198"/>
              <a:gd name="connsiteY24" fmla="*/ 989968 h 1133421"/>
              <a:gd name="connsiteX25" fmla="*/ 1716778 w 3373198"/>
              <a:gd name="connsiteY25" fmla="*/ 988547 h 1133421"/>
              <a:gd name="connsiteX26" fmla="*/ 1871871 w 3373198"/>
              <a:gd name="connsiteY26" fmla="*/ 1049548 h 1133421"/>
              <a:gd name="connsiteX27" fmla="*/ 2003416 w 3373198"/>
              <a:gd name="connsiteY27" fmla="*/ 1007663 h 1133421"/>
              <a:gd name="connsiteX28" fmla="*/ 2115371 w 3373198"/>
              <a:gd name="connsiteY28" fmla="*/ 1026880 h 1133421"/>
              <a:gd name="connsiteX29" fmla="*/ 2197349 w 3373198"/>
              <a:gd name="connsiteY29" fmla="*/ 1016730 h 1133421"/>
              <a:gd name="connsiteX30" fmla="*/ 2329739 w 3373198"/>
              <a:gd name="connsiteY30" fmla="*/ 1059225 h 1133421"/>
              <a:gd name="connsiteX31" fmla="*/ 2466021 w 3373198"/>
              <a:gd name="connsiteY31" fmla="*/ 1013990 h 1133421"/>
              <a:gd name="connsiteX32" fmla="*/ 2545259 w 3373198"/>
              <a:gd name="connsiteY32" fmla="*/ 1032835 h 1133421"/>
              <a:gd name="connsiteX33" fmla="*/ 2651699 w 3373198"/>
              <a:gd name="connsiteY33" fmla="*/ 1059225 h 1133421"/>
              <a:gd name="connsiteX34" fmla="*/ 2814168 w 3373198"/>
              <a:gd name="connsiteY34" fmla="*/ 991050 h 1133421"/>
              <a:gd name="connsiteX35" fmla="*/ 2976636 w 3373198"/>
              <a:gd name="connsiteY35" fmla="*/ 1059225 h 1133421"/>
              <a:gd name="connsiteX36" fmla="*/ 3119988 w 3373198"/>
              <a:gd name="connsiteY36" fmla="*/ 1008407 h 1133421"/>
              <a:gd name="connsiteX37" fmla="*/ 3187182 w 3373198"/>
              <a:gd name="connsiteY37" fmla="*/ 1020722 h 1133421"/>
              <a:gd name="connsiteX38" fmla="*/ 3376480 w 3373198"/>
              <a:gd name="connsiteY38" fmla="*/ 831424 h 1133421"/>
              <a:gd name="connsiteX39" fmla="*/ 3187047 w 3373198"/>
              <a:gd name="connsiteY39" fmla="*/ 642092 h 113342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</a:cxnLst>
            <a:rect l="l" t="t" r="r" b="b"/>
            <a:pathLst>
              <a:path w="3373198" h="1133421">
                <a:moveTo>
                  <a:pt x="3187047" y="642092"/>
                </a:moveTo>
                <a:cubicBezTo>
                  <a:pt x="3163397" y="642092"/>
                  <a:pt x="3140763" y="646456"/>
                  <a:pt x="3119853" y="654407"/>
                </a:cubicBezTo>
                <a:cubicBezTo>
                  <a:pt x="3101786" y="639757"/>
                  <a:pt x="3081385" y="627814"/>
                  <a:pt x="3059359" y="619220"/>
                </a:cubicBezTo>
                <a:cubicBezTo>
                  <a:pt x="3036623" y="517382"/>
                  <a:pt x="2945780" y="441256"/>
                  <a:pt x="2837107" y="441256"/>
                </a:cubicBezTo>
                <a:cubicBezTo>
                  <a:pt x="2800126" y="441256"/>
                  <a:pt x="2765244" y="450121"/>
                  <a:pt x="2734354" y="465785"/>
                </a:cubicBezTo>
                <a:cubicBezTo>
                  <a:pt x="2687935" y="372439"/>
                  <a:pt x="2591645" y="308291"/>
                  <a:pt x="2480332" y="308291"/>
                </a:cubicBezTo>
                <a:cubicBezTo>
                  <a:pt x="2455939" y="308291"/>
                  <a:pt x="2432255" y="311369"/>
                  <a:pt x="2409655" y="317189"/>
                </a:cubicBezTo>
                <a:cubicBezTo>
                  <a:pt x="2355352" y="197587"/>
                  <a:pt x="2234871" y="114425"/>
                  <a:pt x="2094969" y="114425"/>
                </a:cubicBezTo>
                <a:cubicBezTo>
                  <a:pt x="1982507" y="114425"/>
                  <a:pt x="1882596" y="168186"/>
                  <a:pt x="1819497" y="251417"/>
                </a:cubicBezTo>
                <a:cubicBezTo>
                  <a:pt x="1772875" y="105594"/>
                  <a:pt x="1636288" y="0"/>
                  <a:pt x="1475004" y="0"/>
                </a:cubicBezTo>
                <a:cubicBezTo>
                  <a:pt x="1303637" y="0"/>
                  <a:pt x="1160082" y="119229"/>
                  <a:pt x="1122798" y="279261"/>
                </a:cubicBezTo>
                <a:cubicBezTo>
                  <a:pt x="1061018" y="231759"/>
                  <a:pt x="983641" y="203475"/>
                  <a:pt x="899700" y="203475"/>
                </a:cubicBezTo>
                <a:cubicBezTo>
                  <a:pt x="732664" y="203475"/>
                  <a:pt x="591781" y="315260"/>
                  <a:pt x="547662" y="468086"/>
                </a:cubicBezTo>
                <a:cubicBezTo>
                  <a:pt x="516062" y="455805"/>
                  <a:pt x="481687" y="449072"/>
                  <a:pt x="445756" y="449072"/>
                </a:cubicBezTo>
                <a:cubicBezTo>
                  <a:pt x="325917" y="449072"/>
                  <a:pt x="223571" y="523945"/>
                  <a:pt x="182937" y="629438"/>
                </a:cubicBezTo>
                <a:cubicBezTo>
                  <a:pt x="80422" y="638404"/>
                  <a:pt x="0" y="724409"/>
                  <a:pt x="0" y="829259"/>
                </a:cubicBezTo>
                <a:cubicBezTo>
                  <a:pt x="0" y="940063"/>
                  <a:pt x="89828" y="1029891"/>
                  <a:pt x="200633" y="1029891"/>
                </a:cubicBezTo>
                <a:cubicBezTo>
                  <a:pt x="248202" y="1029891"/>
                  <a:pt x="291848" y="1013313"/>
                  <a:pt x="326222" y="985671"/>
                </a:cubicBezTo>
                <a:cubicBezTo>
                  <a:pt x="362525" y="1002723"/>
                  <a:pt x="403024" y="1012264"/>
                  <a:pt x="445790" y="1012264"/>
                </a:cubicBezTo>
                <a:cubicBezTo>
                  <a:pt x="496608" y="1012264"/>
                  <a:pt x="544313" y="998798"/>
                  <a:pt x="585489" y="975216"/>
                </a:cubicBezTo>
                <a:cubicBezTo>
                  <a:pt x="628896" y="1018523"/>
                  <a:pt x="688782" y="1045319"/>
                  <a:pt x="754960" y="1045319"/>
                </a:cubicBezTo>
                <a:cubicBezTo>
                  <a:pt x="811158" y="1045319"/>
                  <a:pt x="862822" y="1025933"/>
                  <a:pt x="903692" y="993588"/>
                </a:cubicBezTo>
                <a:cubicBezTo>
                  <a:pt x="970716" y="1079897"/>
                  <a:pt x="1075465" y="1135452"/>
                  <a:pt x="1193205" y="1135452"/>
                </a:cubicBezTo>
                <a:cubicBezTo>
                  <a:pt x="1332430" y="1135452"/>
                  <a:pt x="1453554" y="1057770"/>
                  <a:pt x="1515537" y="943379"/>
                </a:cubicBezTo>
                <a:cubicBezTo>
                  <a:pt x="1565441" y="972983"/>
                  <a:pt x="1623702" y="989968"/>
                  <a:pt x="1685923" y="989968"/>
                </a:cubicBezTo>
                <a:cubicBezTo>
                  <a:pt x="1696343" y="989968"/>
                  <a:pt x="1706628" y="989460"/>
                  <a:pt x="1716778" y="988547"/>
                </a:cubicBezTo>
                <a:cubicBezTo>
                  <a:pt x="1757446" y="1026372"/>
                  <a:pt x="1811919" y="1049548"/>
                  <a:pt x="1871871" y="1049548"/>
                </a:cubicBezTo>
                <a:cubicBezTo>
                  <a:pt x="1920896" y="1049548"/>
                  <a:pt x="1966266" y="1034019"/>
                  <a:pt x="2003416" y="1007663"/>
                </a:cubicBezTo>
                <a:cubicBezTo>
                  <a:pt x="2038434" y="1020079"/>
                  <a:pt x="2076124" y="1026880"/>
                  <a:pt x="2115371" y="1026880"/>
                </a:cubicBezTo>
                <a:cubicBezTo>
                  <a:pt x="2143655" y="1026880"/>
                  <a:pt x="2171128" y="1023361"/>
                  <a:pt x="2197349" y="1016730"/>
                </a:cubicBezTo>
                <a:cubicBezTo>
                  <a:pt x="2234668" y="1043424"/>
                  <a:pt x="2280343" y="1059225"/>
                  <a:pt x="2329739" y="1059225"/>
                </a:cubicBezTo>
                <a:cubicBezTo>
                  <a:pt x="2380828" y="1059225"/>
                  <a:pt x="2427992" y="1042410"/>
                  <a:pt x="2466021" y="1013990"/>
                </a:cubicBezTo>
                <a:cubicBezTo>
                  <a:pt x="2490482" y="1024749"/>
                  <a:pt x="2517177" y="1031346"/>
                  <a:pt x="2545259" y="1032835"/>
                </a:cubicBezTo>
                <a:cubicBezTo>
                  <a:pt x="2577029" y="1049650"/>
                  <a:pt x="2613230" y="1059225"/>
                  <a:pt x="2651699" y="1059225"/>
                </a:cubicBezTo>
                <a:cubicBezTo>
                  <a:pt x="2715340" y="1059225"/>
                  <a:pt x="2772823" y="1033105"/>
                  <a:pt x="2814168" y="991050"/>
                </a:cubicBezTo>
                <a:cubicBezTo>
                  <a:pt x="2855478" y="1033105"/>
                  <a:pt x="2912995" y="1059225"/>
                  <a:pt x="2976636" y="1059225"/>
                </a:cubicBezTo>
                <a:cubicBezTo>
                  <a:pt x="3030972" y="1059225"/>
                  <a:pt x="3080843" y="1040177"/>
                  <a:pt x="3119988" y="1008407"/>
                </a:cubicBezTo>
                <a:cubicBezTo>
                  <a:pt x="3140863" y="1016324"/>
                  <a:pt x="3163499" y="1020722"/>
                  <a:pt x="3187182" y="1020722"/>
                </a:cubicBezTo>
                <a:cubicBezTo>
                  <a:pt x="3291727" y="1020722"/>
                  <a:pt x="3376480" y="935970"/>
                  <a:pt x="3376480" y="831424"/>
                </a:cubicBezTo>
                <a:cubicBezTo>
                  <a:pt x="3376480" y="726878"/>
                  <a:pt x="3291592" y="642092"/>
                  <a:pt x="3187047" y="642092"/>
                </a:cubicBezTo>
                <a:close/>
              </a:path>
            </a:pathLst>
          </a:custGeom>
          <a:solidFill>
            <a:srgbClr val="B2CDF9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297" name="Freeform: Shape 296">
            <a:extLst>
              <a:ext uri="{FF2B5EF4-FFF2-40B4-BE49-F238E27FC236}">
                <a16:creationId xmlns="" xmlns:a16="http://schemas.microsoft.com/office/drawing/2014/main" id="{1AD7BCF6-CE6B-9440-3A14-F1803EA98B10}"/>
              </a:ext>
            </a:extLst>
          </p:cNvPr>
          <p:cNvSpPr/>
          <p:nvPr/>
        </p:nvSpPr>
        <p:spPr>
          <a:xfrm>
            <a:off x="-545659" y="11101787"/>
            <a:ext cx="8196128" cy="1518330"/>
          </a:xfrm>
          <a:custGeom>
            <a:avLst/>
            <a:gdLst>
              <a:gd name="connsiteX0" fmla="*/ 5826194 w 5826125"/>
              <a:gd name="connsiteY0" fmla="*/ 957149 h 1079288"/>
              <a:gd name="connsiteX1" fmla="*/ 5803153 w 5826125"/>
              <a:gd name="connsiteY1" fmla="*/ 1080371 h 1079288"/>
              <a:gd name="connsiteX2" fmla="*/ 52136 w 5826125"/>
              <a:gd name="connsiteY2" fmla="*/ 1080371 h 1079288"/>
              <a:gd name="connsiteX3" fmla="*/ 0 w 5826125"/>
              <a:gd name="connsiteY3" fmla="*/ 895775 h 1079288"/>
              <a:gd name="connsiteX4" fmla="*/ 343071 w 5826125"/>
              <a:gd name="connsiteY4" fmla="*/ 543264 h 1079288"/>
              <a:gd name="connsiteX5" fmla="*/ 783516 w 5826125"/>
              <a:gd name="connsiteY5" fmla="*/ 263258 h 1079288"/>
              <a:gd name="connsiteX6" fmla="*/ 1137819 w 5826125"/>
              <a:gd name="connsiteY6" fmla="*/ 416524 h 1079288"/>
              <a:gd name="connsiteX7" fmla="*/ 1364064 w 5826125"/>
              <a:gd name="connsiteY7" fmla="*/ 305009 h 1079288"/>
              <a:gd name="connsiteX8" fmla="*/ 1636863 w 5826125"/>
              <a:gd name="connsiteY8" fmla="*/ 506792 h 1079288"/>
              <a:gd name="connsiteX9" fmla="*/ 2068647 w 5826125"/>
              <a:gd name="connsiteY9" fmla="*/ 203407 h 1079288"/>
              <a:gd name="connsiteX10" fmla="*/ 2290560 w 5826125"/>
              <a:gd name="connsiteY10" fmla="*/ 260586 h 1079288"/>
              <a:gd name="connsiteX11" fmla="*/ 2700690 w 5826125"/>
              <a:gd name="connsiteY11" fmla="*/ 0 h 1079288"/>
              <a:gd name="connsiteX12" fmla="*/ 3144010 w 5826125"/>
              <a:gd name="connsiteY12" fmla="*/ 360191 h 1079288"/>
              <a:gd name="connsiteX13" fmla="*/ 3163261 w 5826125"/>
              <a:gd name="connsiteY13" fmla="*/ 364928 h 1079288"/>
              <a:gd name="connsiteX14" fmla="*/ 3565474 w 5826125"/>
              <a:gd name="connsiteY14" fmla="*/ 91926 h 1079288"/>
              <a:gd name="connsiteX15" fmla="*/ 3959532 w 5826125"/>
              <a:gd name="connsiteY15" fmla="*/ 345846 h 1079288"/>
              <a:gd name="connsiteX16" fmla="*/ 4048074 w 5826125"/>
              <a:gd name="connsiteY16" fmla="*/ 334715 h 1079288"/>
              <a:gd name="connsiteX17" fmla="*/ 4366177 w 5826125"/>
              <a:gd name="connsiteY17" fmla="*/ 531896 h 1079288"/>
              <a:gd name="connsiteX18" fmla="*/ 4494879 w 5826125"/>
              <a:gd name="connsiteY18" fmla="*/ 501277 h 1079288"/>
              <a:gd name="connsiteX19" fmla="*/ 4732797 w 5826125"/>
              <a:gd name="connsiteY19" fmla="*/ 629134 h 1079288"/>
              <a:gd name="connsiteX20" fmla="*/ 5120698 w 5826125"/>
              <a:gd name="connsiteY20" fmla="*/ 377446 h 1079288"/>
              <a:gd name="connsiteX21" fmla="*/ 5387272 w 5826125"/>
              <a:gd name="connsiteY21" fmla="*/ 471571 h 1079288"/>
              <a:gd name="connsiteX22" fmla="*/ 5479230 w 5826125"/>
              <a:gd name="connsiteY22" fmla="*/ 470928 h 1079288"/>
              <a:gd name="connsiteX23" fmla="*/ 5717317 w 5826125"/>
              <a:gd name="connsiteY23" fmla="*/ 708135 h 1079288"/>
              <a:gd name="connsiteX24" fmla="*/ 5826194 w 5826125"/>
              <a:gd name="connsiteY24" fmla="*/ 957149 h 1079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</a:cxnLst>
            <a:rect l="l" t="t" r="r" b="b"/>
            <a:pathLst>
              <a:path w="5826125" h="1079288">
                <a:moveTo>
                  <a:pt x="5826194" y="957149"/>
                </a:moveTo>
                <a:cubicBezTo>
                  <a:pt x="5826194" y="1000625"/>
                  <a:pt x="5818006" y="1042173"/>
                  <a:pt x="5803153" y="1080371"/>
                </a:cubicBezTo>
                <a:lnTo>
                  <a:pt x="52136" y="1080371"/>
                </a:lnTo>
                <a:cubicBezTo>
                  <a:pt x="19081" y="1026677"/>
                  <a:pt x="0" y="963476"/>
                  <a:pt x="0" y="895775"/>
                </a:cubicBezTo>
                <a:cubicBezTo>
                  <a:pt x="0" y="704244"/>
                  <a:pt x="152758" y="548339"/>
                  <a:pt x="343071" y="543264"/>
                </a:cubicBezTo>
                <a:cubicBezTo>
                  <a:pt x="420685" y="377852"/>
                  <a:pt x="588668" y="263258"/>
                  <a:pt x="783516" y="263258"/>
                </a:cubicBezTo>
                <a:cubicBezTo>
                  <a:pt x="923215" y="263258"/>
                  <a:pt x="1049142" y="322196"/>
                  <a:pt x="1137819" y="416524"/>
                </a:cubicBezTo>
                <a:cubicBezTo>
                  <a:pt x="1189990" y="348722"/>
                  <a:pt x="1271868" y="305009"/>
                  <a:pt x="1364064" y="305009"/>
                </a:cubicBezTo>
                <a:cubicBezTo>
                  <a:pt x="1492529" y="305009"/>
                  <a:pt x="1601203" y="389999"/>
                  <a:pt x="1636863" y="506792"/>
                </a:cubicBezTo>
                <a:cubicBezTo>
                  <a:pt x="1700539" y="329910"/>
                  <a:pt x="1869807" y="203407"/>
                  <a:pt x="2068647" y="203407"/>
                </a:cubicBezTo>
                <a:cubicBezTo>
                  <a:pt x="2149137" y="203407"/>
                  <a:pt x="2224788" y="224147"/>
                  <a:pt x="2290560" y="260586"/>
                </a:cubicBezTo>
                <a:cubicBezTo>
                  <a:pt x="2362863" y="106609"/>
                  <a:pt x="2519309" y="0"/>
                  <a:pt x="2700690" y="0"/>
                </a:cubicBezTo>
                <a:cubicBezTo>
                  <a:pt x="2919017" y="0"/>
                  <a:pt x="3101278" y="154517"/>
                  <a:pt x="3144010" y="360191"/>
                </a:cubicBezTo>
                <a:cubicBezTo>
                  <a:pt x="3150505" y="361612"/>
                  <a:pt x="3156900" y="363203"/>
                  <a:pt x="3163261" y="364928"/>
                </a:cubicBezTo>
                <a:cubicBezTo>
                  <a:pt x="3226801" y="204997"/>
                  <a:pt x="3382942" y="91926"/>
                  <a:pt x="3565474" y="91926"/>
                </a:cubicBezTo>
                <a:cubicBezTo>
                  <a:pt x="3740663" y="91926"/>
                  <a:pt x="3891526" y="196065"/>
                  <a:pt x="3959532" y="345846"/>
                </a:cubicBezTo>
                <a:cubicBezTo>
                  <a:pt x="3987851" y="338606"/>
                  <a:pt x="4017488" y="334715"/>
                  <a:pt x="4048074" y="334715"/>
                </a:cubicBezTo>
                <a:cubicBezTo>
                  <a:pt x="4187434" y="334715"/>
                  <a:pt x="4308052" y="415035"/>
                  <a:pt x="4366177" y="531896"/>
                </a:cubicBezTo>
                <a:cubicBezTo>
                  <a:pt x="4404849" y="512307"/>
                  <a:pt x="4448561" y="501277"/>
                  <a:pt x="4494879" y="501277"/>
                </a:cubicBezTo>
                <a:cubicBezTo>
                  <a:pt x="4594214" y="501277"/>
                  <a:pt x="4681709" y="552095"/>
                  <a:pt x="4732797" y="629134"/>
                </a:cubicBezTo>
                <a:cubicBezTo>
                  <a:pt x="4799009" y="480841"/>
                  <a:pt x="4947809" y="377446"/>
                  <a:pt x="5120698" y="377446"/>
                </a:cubicBezTo>
                <a:cubicBezTo>
                  <a:pt x="5221691" y="377446"/>
                  <a:pt x="5314395" y="412701"/>
                  <a:pt x="5387272" y="471571"/>
                </a:cubicBezTo>
                <a:cubicBezTo>
                  <a:pt x="5416909" y="466496"/>
                  <a:pt x="5447867" y="466056"/>
                  <a:pt x="5479230" y="470928"/>
                </a:cubicBezTo>
                <a:cubicBezTo>
                  <a:pt x="5604821" y="490383"/>
                  <a:pt x="5698438" y="589007"/>
                  <a:pt x="5717317" y="708135"/>
                </a:cubicBezTo>
                <a:cubicBezTo>
                  <a:pt x="5784274" y="770050"/>
                  <a:pt x="5826194" y="858694"/>
                  <a:pt x="5826194" y="957149"/>
                </a:cubicBezTo>
                <a:close/>
              </a:path>
            </a:pathLst>
          </a:custGeom>
          <a:solidFill>
            <a:srgbClr val="E3EDFF"/>
          </a:solidFill>
          <a:ln w="3383" cap="flat">
            <a:noFill/>
            <a:prstDash val="solid"/>
            <a:miter/>
          </a:ln>
        </p:spPr>
        <p:txBody>
          <a:bodyPr rtlCol="0" anchor="ctr"/>
          <a:lstStyle/>
          <a:p>
            <a:pPr marL="0" marR="0" lvl="0" indent="0" algn="l" defTabSz="128565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506" b="0" i="0" u="none" strike="noStrike" kern="1200" cap="none" spc="0" normalizeH="0" baseline="0" noProof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pic>
        <p:nvPicPr>
          <p:cNvPr id="358" name="Picture 357">
            <a:extLst>
              <a:ext uri="{FF2B5EF4-FFF2-40B4-BE49-F238E27FC236}">
                <a16:creationId xmlns="" xmlns:a16="http://schemas.microsoft.com/office/drawing/2014/main" id="{43481E07-1C9F-FD9F-252E-3ABA7782FB79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46362" y="6199116"/>
            <a:ext cx="1489887" cy="2166597"/>
          </a:xfrm>
          <a:prstGeom prst="rect">
            <a:avLst/>
          </a:prstGeom>
        </p:spPr>
      </p:pic>
      <p:pic>
        <p:nvPicPr>
          <p:cNvPr id="359" name="Picture 358">
            <a:extLst>
              <a:ext uri="{FF2B5EF4-FFF2-40B4-BE49-F238E27FC236}">
                <a16:creationId xmlns="" xmlns:a16="http://schemas.microsoft.com/office/drawing/2014/main" id="{53BA189C-D88D-6214-C225-145DD2EC148B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6858" y="7888400"/>
            <a:ext cx="1326905" cy="1591576"/>
          </a:xfrm>
          <a:prstGeom prst="rect">
            <a:avLst/>
          </a:prstGeom>
        </p:spPr>
      </p:pic>
      <p:pic>
        <p:nvPicPr>
          <p:cNvPr id="360" name="Picture 359">
            <a:extLst>
              <a:ext uri="{FF2B5EF4-FFF2-40B4-BE49-F238E27FC236}">
                <a16:creationId xmlns="" xmlns:a16="http://schemas.microsoft.com/office/drawing/2014/main" id="{46AFDFD0-2E22-3353-FD6C-A9538D529CF3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887" y="318501"/>
            <a:ext cx="1326905" cy="1326905"/>
          </a:xfrm>
          <a:prstGeom prst="rect">
            <a:avLst/>
          </a:prstGeom>
        </p:spPr>
      </p:pic>
      <p:grpSp>
        <p:nvGrpSpPr>
          <p:cNvPr id="370" name="Group 369">
            <a:extLst>
              <a:ext uri="{FF2B5EF4-FFF2-40B4-BE49-F238E27FC236}">
                <a16:creationId xmlns="" xmlns:a16="http://schemas.microsoft.com/office/drawing/2014/main" id="{CB457F8B-2BEA-B04F-843B-9A1B094CC788}"/>
              </a:ext>
            </a:extLst>
          </p:cNvPr>
          <p:cNvGrpSpPr/>
          <p:nvPr/>
        </p:nvGrpSpPr>
        <p:grpSpPr>
          <a:xfrm>
            <a:off x="1304664" y="142060"/>
            <a:ext cx="4248672" cy="763242"/>
            <a:chOff x="13402607" y="9185703"/>
            <a:chExt cx="9587459" cy="1879729"/>
          </a:xfrm>
        </p:grpSpPr>
        <p:sp>
          <p:nvSpPr>
            <p:cNvPr id="371" name="Rectangle: Rounded Corners 370">
              <a:extLst>
                <a:ext uri="{FF2B5EF4-FFF2-40B4-BE49-F238E27FC236}">
                  <a16:creationId xmlns="" xmlns:a16="http://schemas.microsoft.com/office/drawing/2014/main" id="{199D9D1E-CAE9-0E80-D816-755BF74F46CF}"/>
                </a:ext>
              </a:extLst>
            </p:cNvPr>
            <p:cNvSpPr/>
            <p:nvPr/>
          </p:nvSpPr>
          <p:spPr>
            <a:xfrm>
              <a:off x="13402607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2" name="TextBox 371">
              <a:extLst>
                <a:ext uri="{FF2B5EF4-FFF2-40B4-BE49-F238E27FC236}">
                  <a16:creationId xmlns="" xmlns:a16="http://schemas.microsoft.com/office/drawing/2014/main" id="{7D266044-FAC3-3FD4-2B5D-826F1985A5CC}"/>
                </a:ext>
              </a:extLst>
            </p:cNvPr>
            <p:cNvSpPr txBox="1"/>
            <p:nvPr/>
          </p:nvSpPr>
          <p:spPr>
            <a:xfrm>
              <a:off x="16041873" y="9481269"/>
              <a:ext cx="4308929" cy="12885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Kuis</a:t>
              </a: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 </a:t>
              </a:r>
              <a:r>
                <a:rPr kumimoji="0" lang="en-US" sz="28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Seru</a:t>
              </a:r>
              <a:endPara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srgbClr val="E0E4F4"/>
                </a:solidFill>
                <a:effectLst/>
                <a:uLnTx/>
                <a:uFillTx/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endParaRPr>
            </a:p>
          </p:txBody>
        </p:sp>
      </p:grpSp>
      <p:pic>
        <p:nvPicPr>
          <p:cNvPr id="299" name="Graphic 298" descr="Home">
            <a:hlinkClick r:id="rId8" action="ppaction://hlinksldjump"/>
            <a:extLst>
              <a:ext uri="{FF2B5EF4-FFF2-40B4-BE49-F238E27FC236}">
                <a16:creationId xmlns="" xmlns:a16="http://schemas.microsoft.com/office/drawing/2014/main" id="{6A876787-3051-4325-D7F2-1247AAC85A1A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5146480" y="9588053"/>
            <a:ext cx="1198931" cy="1198931"/>
          </a:xfrm>
          <a:prstGeom prst="rect">
            <a:avLst/>
          </a:prstGeom>
          <a:effectLst>
            <a:outerShdw blurRad="482600" dist="50800" dir="5400000" sx="124000" sy="124000" algn="ctr" rotWithShape="0">
              <a:srgbClr val="FFC000">
                <a:alpha val="71000"/>
              </a:srgbClr>
            </a:outerShdw>
          </a:effectLst>
        </p:spPr>
      </p:pic>
      <p:pic>
        <p:nvPicPr>
          <p:cNvPr id="300" name="Graphic 299" descr="Arrow Horizontal U turn">
            <a:hlinkClick r:id="rId11" action="ppaction://hlinksldjump"/>
            <a:extLst>
              <a:ext uri="{FF2B5EF4-FFF2-40B4-BE49-F238E27FC236}">
                <a16:creationId xmlns="" xmlns:a16="http://schemas.microsoft.com/office/drawing/2014/main" id="{A6325FC2-7249-C436-50AD-618EF9E0CE8C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418188" y="9588053"/>
            <a:ext cx="1076572" cy="1076572"/>
          </a:xfrm>
          <a:prstGeom prst="rect">
            <a:avLst/>
          </a:prstGeom>
          <a:effectLst>
            <a:outerShdw blurRad="266700" dist="50800" dir="5400000" sx="118000" sy="118000" algn="ctr" rotWithShape="0">
              <a:srgbClr val="FFC000">
                <a:alpha val="59000"/>
              </a:srgbClr>
            </a:outerShdw>
          </a:effectLst>
        </p:spPr>
      </p:pic>
      <p:sp>
        <p:nvSpPr>
          <p:cNvPr id="361" name="Rectangle: Rounded Corners 360">
            <a:extLst>
              <a:ext uri="{FF2B5EF4-FFF2-40B4-BE49-F238E27FC236}">
                <a16:creationId xmlns="" xmlns:a16="http://schemas.microsoft.com/office/drawing/2014/main" id="{C688C3C9-D41C-4239-D21C-5D80DAF3E04A}"/>
              </a:ext>
            </a:extLst>
          </p:cNvPr>
          <p:cNvSpPr/>
          <p:nvPr/>
        </p:nvSpPr>
        <p:spPr>
          <a:xfrm>
            <a:off x="439942" y="1802070"/>
            <a:ext cx="5978117" cy="2783042"/>
          </a:xfrm>
          <a:prstGeom prst="roundRect">
            <a:avLst/>
          </a:prstGeom>
          <a:solidFill>
            <a:srgbClr val="5528F0">
              <a:alpha val="64000"/>
            </a:srgbClr>
          </a:solidFill>
          <a:ln w="5715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62" name="TextBox 361">
            <a:extLst>
              <a:ext uri="{FF2B5EF4-FFF2-40B4-BE49-F238E27FC236}">
                <a16:creationId xmlns="" xmlns:a16="http://schemas.microsoft.com/office/drawing/2014/main" id="{D7793404-8F6B-284F-0E93-2FEFC9BCA4E3}"/>
              </a:ext>
            </a:extLst>
          </p:cNvPr>
          <p:cNvSpPr txBox="1"/>
          <p:nvPr/>
        </p:nvSpPr>
        <p:spPr>
          <a:xfrm>
            <a:off x="610663" y="2201019"/>
            <a:ext cx="5617321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ID" sz="2800" dirty="0" err="1"/>
              <a:t>Berdasarkan</a:t>
            </a:r>
            <a:r>
              <a:rPr lang="en-ID" sz="2800" dirty="0"/>
              <a:t> KTP Narendra </a:t>
            </a:r>
            <a:r>
              <a:rPr lang="en-ID" sz="2800" dirty="0" err="1"/>
              <a:t>adalah</a:t>
            </a:r>
            <a:r>
              <a:rPr lang="en-ID" sz="2800" dirty="0"/>
              <a:t> </a:t>
            </a:r>
            <a:r>
              <a:rPr lang="en-ID" sz="2800" dirty="0" err="1"/>
              <a:t>warga</a:t>
            </a:r>
            <a:r>
              <a:rPr lang="en-ID" sz="2800" dirty="0"/>
              <a:t> </a:t>
            </a:r>
            <a:r>
              <a:rPr lang="en-ID" sz="2800" dirty="0" err="1"/>
              <a:t>asal</a:t>
            </a:r>
            <a:r>
              <a:rPr lang="en-ID" sz="2800" dirty="0"/>
              <a:t> </a:t>
            </a:r>
            <a:r>
              <a:rPr lang="en-ID" sz="2800" dirty="0" err="1"/>
              <a:t>Klaten</a:t>
            </a:r>
            <a:r>
              <a:rPr lang="en-ID" sz="2800" dirty="0"/>
              <a:t>, </a:t>
            </a:r>
            <a:r>
              <a:rPr lang="en-ID" sz="2800" dirty="0" err="1"/>
              <a:t>Jawa</a:t>
            </a:r>
            <a:r>
              <a:rPr lang="en-ID" sz="2800" dirty="0"/>
              <a:t> Tengah yang </a:t>
            </a:r>
            <a:r>
              <a:rPr lang="en-ID" sz="2800" dirty="0" err="1"/>
              <a:t>bekerja</a:t>
            </a:r>
            <a:r>
              <a:rPr lang="en-ID" sz="2800" dirty="0"/>
              <a:t> di PT Virgo </a:t>
            </a:r>
            <a:r>
              <a:rPr lang="en-ID" sz="2800" dirty="0" err="1"/>
              <a:t>Bakti</a:t>
            </a:r>
            <a:r>
              <a:rPr lang="en-ID" sz="2800" dirty="0"/>
              <a:t> Surabaya. Di KPP </a:t>
            </a:r>
            <a:r>
              <a:rPr lang="en-ID" sz="2800" dirty="0" err="1"/>
              <a:t>Pratama</a:t>
            </a:r>
            <a:r>
              <a:rPr lang="en-ID" sz="2800" dirty="0"/>
              <a:t> Narendra mana </a:t>
            </a:r>
            <a:r>
              <a:rPr lang="en-ID" sz="2800" dirty="0" err="1"/>
              <a:t>harus</a:t>
            </a:r>
            <a:r>
              <a:rPr lang="en-ID" sz="2800" dirty="0"/>
              <a:t> </a:t>
            </a:r>
            <a:r>
              <a:rPr lang="en-ID" sz="2800" dirty="0" err="1"/>
              <a:t>mendaftarkan</a:t>
            </a:r>
            <a:r>
              <a:rPr lang="en-ID" sz="2800" dirty="0"/>
              <a:t> NPWP?</a:t>
            </a:r>
            <a:endParaRPr kumimoji="0" lang="en-US" sz="2800" b="1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Karla" pitchFamily="2" charset="0"/>
              <a:ea typeface="+mn-ea"/>
              <a:cs typeface="+mn-cs"/>
            </a:endParaRPr>
          </a:p>
        </p:txBody>
      </p:sp>
      <p:grpSp>
        <p:nvGrpSpPr>
          <p:cNvPr id="374" name="Group 373">
            <a:extLst>
              <a:ext uri="{FF2B5EF4-FFF2-40B4-BE49-F238E27FC236}">
                <a16:creationId xmlns="" xmlns:a16="http://schemas.microsoft.com/office/drawing/2014/main" id="{C17D7E28-7A5F-848B-A79A-93F21FE97B96}"/>
              </a:ext>
            </a:extLst>
          </p:cNvPr>
          <p:cNvGrpSpPr/>
          <p:nvPr/>
        </p:nvGrpSpPr>
        <p:grpSpPr>
          <a:xfrm>
            <a:off x="2826959" y="1325038"/>
            <a:ext cx="1198225" cy="763242"/>
            <a:chOff x="14481194" y="9185703"/>
            <a:chExt cx="9587459" cy="1879729"/>
          </a:xfrm>
        </p:grpSpPr>
        <p:sp>
          <p:nvSpPr>
            <p:cNvPr id="375" name="Rectangle: Rounded Corners 374">
              <a:extLst>
                <a:ext uri="{FF2B5EF4-FFF2-40B4-BE49-F238E27FC236}">
                  <a16:creationId xmlns="" xmlns:a16="http://schemas.microsoft.com/office/drawing/2014/main" id="{7BDD1679-953B-0381-E712-8AA2CD7C8059}"/>
                </a:ext>
              </a:extLst>
            </p:cNvPr>
            <p:cNvSpPr/>
            <p:nvPr/>
          </p:nvSpPr>
          <p:spPr>
            <a:xfrm>
              <a:off x="14481194" y="9185703"/>
              <a:ext cx="9587459" cy="1879729"/>
            </a:xfrm>
            <a:prstGeom prst="roundRect">
              <a:avLst>
                <a:gd name="adj" fmla="val 50000"/>
              </a:avLst>
            </a:prstGeom>
            <a:gradFill>
              <a:gsLst>
                <a:gs pos="100000">
                  <a:schemeClr val="accent2"/>
                </a:gs>
                <a:gs pos="3000">
                  <a:schemeClr val="accent4"/>
                </a:gs>
              </a:gsLst>
              <a:path path="circle">
                <a:fillToRect l="100000" t="100000"/>
              </a:path>
            </a:gradFill>
            <a:ln>
              <a:noFill/>
            </a:ln>
            <a:effectLst>
              <a:outerShdw blurRad="1079500" sx="110000" sy="110000" algn="ctr" rotWithShape="0">
                <a:schemeClr val="accent2">
                  <a:alpha val="55000"/>
                </a:scheme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700" b="0" i="0" u="none" strike="noStrike" kern="1200" cap="none" spc="0" normalizeH="0" baseline="0" noProof="0">
                <a:ln>
                  <a:noFill/>
                </a:ln>
                <a:solidFill>
                  <a:srgbClr val="FFFFFF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376" name="TextBox 375">
              <a:extLst>
                <a:ext uri="{FF2B5EF4-FFF2-40B4-BE49-F238E27FC236}">
                  <a16:creationId xmlns="" xmlns:a16="http://schemas.microsoft.com/office/drawing/2014/main" id="{996F0AB2-D75B-7323-4E5D-44A335FBB603}"/>
                </a:ext>
              </a:extLst>
            </p:cNvPr>
            <p:cNvSpPr txBox="1"/>
            <p:nvPr/>
          </p:nvSpPr>
          <p:spPr>
            <a:xfrm>
              <a:off x="14722235" y="9481269"/>
              <a:ext cx="9105376" cy="128859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128565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800" b="0" i="0" u="none" strike="noStrike" kern="1200" cap="none" spc="0" normalizeH="0" baseline="0" noProof="0" dirty="0">
                  <a:ln>
                    <a:noFill/>
                  </a:ln>
                  <a:solidFill>
                    <a:srgbClr val="E0E4F4"/>
                  </a:solidFill>
                  <a:effectLst/>
                  <a:uLnTx/>
                  <a:uFillTx/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No.1</a:t>
              </a:r>
            </a:p>
          </p:txBody>
        </p:sp>
      </p:grpSp>
      <p:grpSp>
        <p:nvGrpSpPr>
          <p:cNvPr id="4" name="Group 3">
            <a:extLst>
              <a:ext uri="{FF2B5EF4-FFF2-40B4-BE49-F238E27FC236}">
                <a16:creationId xmlns="" xmlns:a16="http://schemas.microsoft.com/office/drawing/2014/main" id="{A5A0ADDF-2C40-73F8-6BFE-D805887E641A}"/>
              </a:ext>
            </a:extLst>
          </p:cNvPr>
          <p:cNvGrpSpPr/>
          <p:nvPr/>
        </p:nvGrpSpPr>
        <p:grpSpPr>
          <a:xfrm>
            <a:off x="639772" y="5091003"/>
            <a:ext cx="1893875" cy="1817967"/>
            <a:chOff x="399141" y="4127828"/>
            <a:chExt cx="2125720" cy="2592374"/>
          </a:xfrm>
        </p:grpSpPr>
        <p:sp>
          <p:nvSpPr>
            <p:cNvPr id="3" name="Rectangle: Rounded Corners 2">
              <a:hlinkClick r:id="" action="ppaction://noaction"/>
              <a:extLst>
                <a:ext uri="{FF2B5EF4-FFF2-40B4-BE49-F238E27FC236}">
                  <a16:creationId xmlns="" xmlns:a16="http://schemas.microsoft.com/office/drawing/2014/main" id="{EBCB19CC-B1D5-BA39-A4E8-F6D08F2E8150}"/>
                </a:ext>
              </a:extLst>
            </p:cNvPr>
            <p:cNvSpPr/>
            <p:nvPr/>
          </p:nvSpPr>
          <p:spPr>
            <a:xfrm>
              <a:off x="671188" y="4339044"/>
              <a:ext cx="1601210" cy="2381158"/>
            </a:xfrm>
            <a:prstGeom prst="roundRect">
              <a:avLst>
                <a:gd name="adj" fmla="val 36588"/>
              </a:avLst>
            </a:prstGeom>
            <a:solidFill>
              <a:schemeClr val="tx1">
                <a:alpha val="4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pic>
          <p:nvPicPr>
            <p:cNvPr id="363" name="Picture 362">
              <a:hlinkClick r:id="" action="ppaction://noaction"/>
              <a:extLst>
                <a:ext uri="{FF2B5EF4-FFF2-40B4-BE49-F238E27FC236}">
                  <a16:creationId xmlns="" xmlns:a16="http://schemas.microsoft.com/office/drawing/2014/main" id="{126B345B-8217-322F-15A6-7C4D0EE9FCC3}"/>
                </a:ext>
              </a:extLst>
            </p:cNvPr>
            <p:cNvPicPr>
              <a:picLocks noChangeAspect="1"/>
            </p:cNvPicPr>
            <p:nvPr/>
          </p:nvPicPr>
          <p:blipFill>
            <a:blip r:embed="rId1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10685" y="4127828"/>
              <a:ext cx="1322216" cy="1322216"/>
            </a:xfrm>
            <a:prstGeom prst="rect">
              <a:avLst/>
            </a:prstGeom>
          </p:spPr>
        </p:pic>
        <p:sp>
          <p:nvSpPr>
            <p:cNvPr id="377" name="TextBox 376">
              <a:hlinkClick r:id="" action="ppaction://noaction"/>
              <a:extLst>
                <a:ext uri="{FF2B5EF4-FFF2-40B4-BE49-F238E27FC236}">
                  <a16:creationId xmlns="" xmlns:a16="http://schemas.microsoft.com/office/drawing/2014/main" id="{F14B6580-71AC-1706-5DF0-BDF8F28F4550}"/>
                </a:ext>
              </a:extLst>
            </p:cNvPr>
            <p:cNvSpPr txBox="1"/>
            <p:nvPr/>
          </p:nvSpPr>
          <p:spPr>
            <a:xfrm>
              <a:off x="399141" y="5553334"/>
              <a:ext cx="2125720" cy="65832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400" b="1" i="0" u="none" strike="noStrike" kern="1200" cap="none" spc="0" normalizeH="0" baseline="0" noProof="0" dirty="0" err="1">
                  <a:ln>
                    <a:noFill/>
                  </a:ln>
                  <a:solidFill>
                    <a:srgbClr val="010D30"/>
                  </a:solidFill>
                  <a:effectLst/>
                  <a:uLnTx/>
                  <a:uFillTx/>
                  <a:latin typeface="Karla" pitchFamily="2" charset="0"/>
                  <a:ea typeface="+mn-ea"/>
                  <a:cs typeface="+mn-cs"/>
                </a:rPr>
                <a:t>Klaten</a:t>
              </a:r>
              <a:endParaRPr kumimoji="0" lang="en-US" sz="2400" b="1" i="0" u="none" strike="noStrike" kern="1200" cap="none" spc="0" normalizeH="0" baseline="0" noProof="0" dirty="0">
                <a:ln>
                  <a:noFill/>
                </a:ln>
                <a:solidFill>
                  <a:srgbClr val="010D30"/>
                </a:solidFill>
                <a:effectLst/>
                <a:uLnTx/>
                <a:uFillTx/>
                <a:latin typeface="Karla" pitchFamily="2" charset="0"/>
                <a:ea typeface="+mn-ea"/>
                <a:cs typeface="+mn-cs"/>
              </a:endParaRPr>
            </a:p>
          </p:txBody>
        </p:sp>
      </p:grpSp>
      <p:grpSp>
        <p:nvGrpSpPr>
          <p:cNvPr id="5" name="Group 4">
            <a:extLst>
              <a:ext uri="{FF2B5EF4-FFF2-40B4-BE49-F238E27FC236}">
                <a16:creationId xmlns="" xmlns:a16="http://schemas.microsoft.com/office/drawing/2014/main" id="{446E579B-3FFB-D89F-296D-CD99070E3ECB}"/>
              </a:ext>
            </a:extLst>
          </p:cNvPr>
          <p:cNvGrpSpPr/>
          <p:nvPr/>
        </p:nvGrpSpPr>
        <p:grpSpPr>
          <a:xfrm>
            <a:off x="3590333" y="4965669"/>
            <a:ext cx="1840051" cy="2042223"/>
            <a:chOff x="4038686" y="3988223"/>
            <a:chExt cx="2125720" cy="2659996"/>
          </a:xfrm>
        </p:grpSpPr>
        <p:grpSp>
          <p:nvGrpSpPr>
            <p:cNvPr id="378" name="Group 377">
              <a:extLst>
                <a:ext uri="{FF2B5EF4-FFF2-40B4-BE49-F238E27FC236}">
                  <a16:creationId xmlns="" xmlns:a16="http://schemas.microsoft.com/office/drawing/2014/main" id="{D876914F-5692-D828-DB17-F63D3A59E873}"/>
                </a:ext>
              </a:extLst>
            </p:cNvPr>
            <p:cNvGrpSpPr/>
            <p:nvPr/>
          </p:nvGrpSpPr>
          <p:grpSpPr>
            <a:xfrm>
              <a:off x="4038686" y="4267061"/>
              <a:ext cx="2125720" cy="2381158"/>
              <a:chOff x="399141" y="4339044"/>
              <a:chExt cx="2125720" cy="2381158"/>
            </a:xfrm>
          </p:grpSpPr>
          <p:sp>
            <p:nvSpPr>
              <p:cNvPr id="379" name="Rectangle: Rounded Corners 378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BAA640FD-BBB2-068C-9187-8D4654190B5E}"/>
                  </a:ext>
                </a:extLst>
              </p:cNvPr>
              <p:cNvSpPr/>
              <p:nvPr/>
            </p:nvSpPr>
            <p:spPr>
              <a:xfrm>
                <a:off x="671188" y="4339044"/>
                <a:ext cx="1601210" cy="2381158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1" name="TextBox 380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269ED808-A682-2D77-588D-525BC78B779A}"/>
                  </a:ext>
                </a:extLst>
              </p:cNvPr>
              <p:cNvSpPr txBox="1"/>
              <p:nvPr/>
            </p:nvSpPr>
            <p:spPr>
              <a:xfrm>
                <a:off x="399141" y="5553334"/>
                <a:ext cx="2125720" cy="60131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400" b="1" i="0" u="none" strike="noStrike" kern="1200" cap="none" spc="0" normalizeH="0" baseline="0" noProof="0" dirty="0">
                    <a:ln>
                      <a:noFill/>
                    </a:ln>
                    <a:solidFill>
                      <a:srgbClr val="010D30"/>
                    </a:solidFill>
                    <a:effectLst/>
                    <a:uLnTx/>
                    <a:uFillTx/>
                    <a:latin typeface="Karla" pitchFamily="2" charset="0"/>
                    <a:ea typeface="+mn-ea"/>
                    <a:cs typeface="+mn-cs"/>
                  </a:rPr>
                  <a:t>Surabaya</a:t>
                </a:r>
              </a:p>
            </p:txBody>
          </p:sp>
        </p:grpSp>
        <p:pic>
          <p:nvPicPr>
            <p:cNvPr id="365" name="Picture 364">
              <a:hlinkClick r:id="" action="ppaction://noaction"/>
              <a:extLst>
                <a:ext uri="{FF2B5EF4-FFF2-40B4-BE49-F238E27FC236}">
                  <a16:creationId xmlns="" xmlns:a16="http://schemas.microsoft.com/office/drawing/2014/main" id="{39682A12-626F-8F41-58D2-3729EEF6D7C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6372" t="-816" r="44206" b="78796"/>
            <a:stretch/>
          </p:blipFill>
          <p:spPr>
            <a:xfrm>
              <a:off x="4171383" y="3988223"/>
              <a:ext cx="1941559" cy="1470609"/>
            </a:xfrm>
            <a:prstGeom prst="rect">
              <a:avLst/>
            </a:prstGeom>
          </p:spPr>
        </p:pic>
      </p:grpSp>
      <p:grpSp>
        <p:nvGrpSpPr>
          <p:cNvPr id="7" name="Group 6">
            <a:extLst>
              <a:ext uri="{FF2B5EF4-FFF2-40B4-BE49-F238E27FC236}">
                <a16:creationId xmlns="" xmlns:a16="http://schemas.microsoft.com/office/drawing/2014/main" id="{17E2B6ED-6583-870A-4F97-F8DCA05C7FAC}"/>
              </a:ext>
            </a:extLst>
          </p:cNvPr>
          <p:cNvGrpSpPr/>
          <p:nvPr/>
        </p:nvGrpSpPr>
        <p:grpSpPr>
          <a:xfrm>
            <a:off x="611824" y="7498130"/>
            <a:ext cx="1893875" cy="1866648"/>
            <a:chOff x="371193" y="6901045"/>
            <a:chExt cx="2125720" cy="2661793"/>
          </a:xfrm>
        </p:grpSpPr>
        <p:grpSp>
          <p:nvGrpSpPr>
            <p:cNvPr id="382" name="Group 381">
              <a:extLst>
                <a:ext uri="{FF2B5EF4-FFF2-40B4-BE49-F238E27FC236}">
                  <a16:creationId xmlns="" xmlns:a16="http://schemas.microsoft.com/office/drawing/2014/main" id="{AF0D6A20-19E8-C6AF-E558-72A839DABF1E}"/>
                </a:ext>
              </a:extLst>
            </p:cNvPr>
            <p:cNvGrpSpPr/>
            <p:nvPr/>
          </p:nvGrpSpPr>
          <p:grpSpPr>
            <a:xfrm>
              <a:off x="371193" y="7181680"/>
              <a:ext cx="2125720" cy="2381158"/>
              <a:chOff x="399141" y="4339044"/>
              <a:chExt cx="2125720" cy="2381158"/>
            </a:xfrm>
          </p:grpSpPr>
          <p:sp>
            <p:nvSpPr>
              <p:cNvPr id="383" name="Rectangle: Rounded Corners 382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342CA1B6-602C-F081-6BB9-F490B1712921}"/>
                  </a:ext>
                </a:extLst>
              </p:cNvPr>
              <p:cNvSpPr/>
              <p:nvPr/>
            </p:nvSpPr>
            <p:spPr>
              <a:xfrm>
                <a:off x="671188" y="4339044"/>
                <a:ext cx="1601210" cy="2381158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5" name="TextBox 384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F4E2D064-A250-4180-C5EF-47D0D9943803}"/>
                  </a:ext>
                </a:extLst>
              </p:cNvPr>
              <p:cNvSpPr txBox="1"/>
              <p:nvPr/>
            </p:nvSpPr>
            <p:spPr>
              <a:xfrm>
                <a:off x="399141" y="5553334"/>
                <a:ext cx="2125720" cy="65832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400" b="1" i="0" u="none" strike="noStrike" kern="1200" cap="none" spc="0" normalizeH="0" baseline="0" noProof="0" dirty="0">
                    <a:ln>
                      <a:noFill/>
                    </a:ln>
                    <a:solidFill>
                      <a:srgbClr val="010D30"/>
                    </a:solidFill>
                    <a:effectLst/>
                    <a:uLnTx/>
                    <a:uFillTx/>
                    <a:latin typeface="Karla" pitchFamily="2" charset="0"/>
                    <a:ea typeface="+mn-ea"/>
                    <a:cs typeface="+mn-cs"/>
                  </a:rPr>
                  <a:t>PT Virgo</a:t>
                </a:r>
              </a:p>
            </p:txBody>
          </p:sp>
        </p:grpSp>
        <p:pic>
          <p:nvPicPr>
            <p:cNvPr id="367" name="Picture 366">
              <a:hlinkClick r:id="" action="ppaction://noaction"/>
              <a:extLst>
                <a:ext uri="{FF2B5EF4-FFF2-40B4-BE49-F238E27FC236}">
                  <a16:creationId xmlns="" xmlns:a16="http://schemas.microsoft.com/office/drawing/2014/main" id="{F9ED1E24-251D-E9FF-308F-21B1F6151CEE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-1132" t="24807" r="61093" b="36464"/>
            <a:stretch/>
          </p:blipFill>
          <p:spPr>
            <a:xfrm>
              <a:off x="678110" y="6901045"/>
              <a:ext cx="1532683" cy="1500351"/>
            </a:xfrm>
            <a:prstGeom prst="rect">
              <a:avLst/>
            </a:prstGeom>
          </p:spPr>
        </p:pic>
      </p:grpSp>
      <p:grpSp>
        <p:nvGrpSpPr>
          <p:cNvPr id="6" name="Group 5">
            <a:extLst>
              <a:ext uri="{FF2B5EF4-FFF2-40B4-BE49-F238E27FC236}">
                <a16:creationId xmlns="" xmlns:a16="http://schemas.microsoft.com/office/drawing/2014/main" id="{284CE34D-8E6A-0209-7301-4B3CF760E722}"/>
              </a:ext>
            </a:extLst>
          </p:cNvPr>
          <p:cNvGrpSpPr/>
          <p:nvPr/>
        </p:nvGrpSpPr>
        <p:grpSpPr>
          <a:xfrm>
            <a:off x="3644460" y="7342017"/>
            <a:ext cx="1783282" cy="2019580"/>
            <a:chOff x="4075395" y="6879888"/>
            <a:chExt cx="2139094" cy="2781358"/>
          </a:xfrm>
        </p:grpSpPr>
        <p:grpSp>
          <p:nvGrpSpPr>
            <p:cNvPr id="386" name="Group 385">
              <a:extLst>
                <a:ext uri="{FF2B5EF4-FFF2-40B4-BE49-F238E27FC236}">
                  <a16:creationId xmlns="" xmlns:a16="http://schemas.microsoft.com/office/drawing/2014/main" id="{057F164D-AC6F-9BF4-0487-66DA896A9D19}"/>
                </a:ext>
              </a:extLst>
            </p:cNvPr>
            <p:cNvGrpSpPr/>
            <p:nvPr/>
          </p:nvGrpSpPr>
          <p:grpSpPr>
            <a:xfrm>
              <a:off x="4075395" y="7280088"/>
              <a:ext cx="2125720" cy="2381158"/>
              <a:chOff x="399141" y="4339044"/>
              <a:chExt cx="2125720" cy="2381158"/>
            </a:xfrm>
          </p:grpSpPr>
          <p:sp>
            <p:nvSpPr>
              <p:cNvPr id="387" name="Rectangle: Rounded Corners 386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AD55646B-AB6E-8464-78DD-B38EFA2AF51D}"/>
                  </a:ext>
                </a:extLst>
              </p:cNvPr>
              <p:cNvSpPr/>
              <p:nvPr/>
            </p:nvSpPr>
            <p:spPr>
              <a:xfrm>
                <a:off x="671188" y="4339044"/>
                <a:ext cx="1601210" cy="2381158"/>
              </a:xfrm>
              <a:prstGeom prst="roundRect">
                <a:avLst>
                  <a:gd name="adj" fmla="val 36588"/>
                </a:avLst>
              </a:prstGeom>
              <a:solidFill>
                <a:schemeClr val="tx1">
                  <a:alpha val="4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388" name="TextBox 387">
                <a:hlinkClick r:id="" action="ppaction://noaction"/>
                <a:extLst>
                  <a:ext uri="{FF2B5EF4-FFF2-40B4-BE49-F238E27FC236}">
                    <a16:creationId xmlns="" xmlns:a16="http://schemas.microsoft.com/office/drawing/2014/main" id="{7F0568F0-5949-1443-8868-D92E48032467}"/>
                  </a:ext>
                </a:extLst>
              </p:cNvPr>
              <p:cNvSpPr txBox="1"/>
              <p:nvPr/>
            </p:nvSpPr>
            <p:spPr>
              <a:xfrm>
                <a:off x="399141" y="5553334"/>
                <a:ext cx="2125720" cy="72057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ctr" defTabSz="4572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2800" b="1" i="0" u="none" strike="noStrike" kern="1200" cap="none" spc="0" normalizeH="0" baseline="0" noProof="0" dirty="0">
                    <a:ln>
                      <a:noFill/>
                    </a:ln>
                    <a:solidFill>
                      <a:srgbClr val="010D30"/>
                    </a:solidFill>
                    <a:effectLst/>
                    <a:uLnTx/>
                    <a:uFillTx/>
                    <a:latin typeface="Karla" pitchFamily="2" charset="0"/>
                    <a:ea typeface="+mn-ea"/>
                    <a:cs typeface="+mn-cs"/>
                  </a:rPr>
                  <a:t>Jakarta</a:t>
                </a:r>
              </a:p>
            </p:txBody>
          </p:sp>
        </p:grpSp>
        <p:pic>
          <p:nvPicPr>
            <p:cNvPr id="369" name="Picture 368">
              <a:hlinkClick r:id="" action="ppaction://noaction"/>
              <a:extLst>
                <a:ext uri="{FF2B5EF4-FFF2-40B4-BE49-F238E27FC236}">
                  <a16:creationId xmlns="" xmlns:a16="http://schemas.microsoft.com/office/drawing/2014/main" id="{64BD9DA3-C95F-BC8A-C060-474B99C81B26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711" t="72728" r="60679" b="-1945"/>
            <a:stretch/>
          </p:blipFill>
          <p:spPr>
            <a:xfrm>
              <a:off x="4127496" y="6879888"/>
              <a:ext cx="2086993" cy="1598361"/>
            </a:xfrm>
            <a:prstGeom prst="rect">
              <a:avLst/>
            </a:prstGeom>
          </p:spPr>
        </p:pic>
      </p:grpSp>
      <p:sp>
        <p:nvSpPr>
          <p:cNvPr id="2" name="Rectangle 1">
            <a:extLst>
              <a:ext uri="{FF2B5EF4-FFF2-40B4-BE49-F238E27FC236}">
                <a16:creationId xmlns="" xmlns:a16="http://schemas.microsoft.com/office/drawing/2014/main" id="{A278449F-E72F-6109-AA4C-CDAC97376227}"/>
              </a:ext>
            </a:extLst>
          </p:cNvPr>
          <p:cNvSpPr/>
          <p:nvPr/>
        </p:nvSpPr>
        <p:spPr>
          <a:xfrm>
            <a:off x="0" y="0"/>
            <a:ext cx="6858000" cy="11975137"/>
          </a:xfrm>
          <a:prstGeom prst="rect">
            <a:avLst/>
          </a:prstGeom>
          <a:solidFill>
            <a:srgbClr val="010D30">
              <a:alpha val="72000"/>
            </a:srgb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16" name="Group 15">
            <a:extLst>
              <a:ext uri="{FF2B5EF4-FFF2-40B4-BE49-F238E27FC236}">
                <a16:creationId xmlns="" xmlns:a16="http://schemas.microsoft.com/office/drawing/2014/main" id="{123DBB47-1B36-6AB5-70BC-CFC4DCF124CB}"/>
              </a:ext>
            </a:extLst>
          </p:cNvPr>
          <p:cNvGrpSpPr/>
          <p:nvPr/>
        </p:nvGrpSpPr>
        <p:grpSpPr>
          <a:xfrm>
            <a:off x="1502896" y="6086495"/>
            <a:ext cx="3323424" cy="2004698"/>
            <a:chOff x="1502896" y="6086495"/>
            <a:chExt cx="3323424" cy="2004698"/>
          </a:xfrm>
        </p:grpSpPr>
        <p:sp>
          <p:nvSpPr>
            <p:cNvPr id="8" name="Rectangle: Rounded Corners 7">
              <a:extLst>
                <a:ext uri="{FF2B5EF4-FFF2-40B4-BE49-F238E27FC236}">
                  <a16:creationId xmlns="" xmlns:a16="http://schemas.microsoft.com/office/drawing/2014/main" id="{AB47CFE4-C126-AC91-9433-DACE2DFB4E5F}"/>
                </a:ext>
              </a:extLst>
            </p:cNvPr>
            <p:cNvSpPr/>
            <p:nvPr/>
          </p:nvSpPr>
          <p:spPr>
            <a:xfrm>
              <a:off x="1502896" y="6086495"/>
              <a:ext cx="3323424" cy="2004698"/>
            </a:xfrm>
            <a:prstGeom prst="roundRect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/>
            </a:p>
          </p:txBody>
        </p:sp>
        <p:sp>
          <p:nvSpPr>
            <p:cNvPr id="9" name="TextBox 8">
              <a:extLst>
                <a:ext uri="{FF2B5EF4-FFF2-40B4-BE49-F238E27FC236}">
                  <a16:creationId xmlns="" xmlns:a16="http://schemas.microsoft.com/office/drawing/2014/main" id="{F0F04C68-07E9-7918-4FDC-2119462D81D8}"/>
                </a:ext>
              </a:extLst>
            </p:cNvPr>
            <p:cNvSpPr txBox="1"/>
            <p:nvPr/>
          </p:nvSpPr>
          <p:spPr>
            <a:xfrm>
              <a:off x="1896956" y="6297928"/>
              <a:ext cx="1478290" cy="646331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3600" dirty="0"/>
                <a:t>BENAR</a:t>
              </a:r>
              <a:endParaRPr lang="en-ID" sz="3600" dirty="0"/>
            </a:p>
          </p:txBody>
        </p:sp>
        <p:sp>
          <p:nvSpPr>
            <p:cNvPr id="10" name="Rectangle: Rounded Corners 9">
              <a:hlinkClick r:id="rId17" action="ppaction://hlinksldjump"/>
              <a:extLst>
                <a:ext uri="{FF2B5EF4-FFF2-40B4-BE49-F238E27FC236}">
                  <a16:creationId xmlns="" xmlns:a16="http://schemas.microsoft.com/office/drawing/2014/main" id="{F7BD8A57-CB5E-9588-C47D-846DBA4DAD9B}"/>
                </a:ext>
              </a:extLst>
            </p:cNvPr>
            <p:cNvSpPr/>
            <p:nvPr/>
          </p:nvSpPr>
          <p:spPr>
            <a:xfrm>
              <a:off x="2024895" y="7129956"/>
              <a:ext cx="2561716" cy="538995"/>
            </a:xfrm>
            <a:prstGeom prst="roundRect">
              <a:avLst/>
            </a:prstGeom>
            <a:solidFill>
              <a:srgbClr val="7030A0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2400" dirty="0"/>
                <a:t>SELANJUTNYA</a:t>
              </a:r>
              <a:endParaRPr lang="en-ID" sz="2400" dirty="0"/>
            </a:p>
          </p:txBody>
        </p:sp>
        <p:pic>
          <p:nvPicPr>
            <p:cNvPr id="15" name="Graphic 14" descr="Checkmark with solid fill">
              <a:extLst>
                <a:ext uri="{FF2B5EF4-FFF2-40B4-BE49-F238E27FC236}">
                  <a16:creationId xmlns="" xmlns:a16="http://schemas.microsoft.com/office/drawing/2014/main" id="{A1C42A45-81E4-22AA-0AF4-01E4BE8AC15F}"/>
                </a:ext>
              </a:extLst>
            </p:cNvPr>
            <p:cNvPicPr>
              <a:picLocks noChangeAspect="1"/>
            </p:cNvPicPr>
            <p:nvPr/>
          </p:nvPicPr>
          <p:blipFill>
            <a:blip r:embed="rId18" cstate="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="" xmlns:asvg="http://schemas.microsoft.com/office/drawing/2016/SVG/main" r:embed="rId19"/>
                </a:ext>
              </a:extLst>
            </a:blip>
            <a:stretch>
              <a:fillRect/>
            </a:stretch>
          </p:blipFill>
          <p:spPr>
            <a:xfrm>
              <a:off x="3501661" y="6151026"/>
              <a:ext cx="914400" cy="91440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081783677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transition spd="slow" advClick="0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mph" presetSubtype="0" repeatCount="indefinite" autoRev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900000">
                                      <p:cBhvr>
                                        <p:cTn id="6" dur="3000" fill="hold"/>
                                        <p:tgtEl>
                                          <p:spTgt spid="35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" presetID="8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8" dur="120000" fill="hold"/>
                                        <p:tgtEl>
                                          <p:spTgt spid="1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none"/>
  <p:tag name="ISPRING_PRESENTATION_COURSE_TITLE" val="Jelajahi Sistem Tata Surya Bahan Edit Pediaku ID"/>
  <p:tag name="ISPRING_LMS_API_VERSION" val="SCORM 2004 (4th edition)"/>
  <p:tag name="ISPRING_ULTRA_SCORM_COURSE_ID" val="FB0F62BB-EC10-44DB-A9F3-DC655B7EAC89"/>
  <p:tag name="ISPRING_CMI5_LAUNCH_METHOD" val="any window"/>
  <p:tag name="ISPRINGCLOUDFOLDERID" val="1"/>
  <p:tag name="ISPRINGONLINEFOLDERID" val="1"/>
  <p:tag name="ISPRING_OUTPUT_FOLDER" val="[[&quot;-\u0001d4{2AC53353-5AB1-44CB-B9C8-577AC6AB65E7}&quot;,&quot;C:\\Users\\nafisa\\Downloads\\Jelajahi Sistem Tata Surya Bahan Edit Pediaku ID&quot;]]"/>
  <p:tag name="ISPRING_SCORM_RATE_SLIDES" val="0"/>
  <p:tag name="ISPRING_SCORM_PASSING_SCORE" val="0.000000"/>
  <p:tag name="ISPRING_FIRST_PUBLISH" val="1"/>
  <p:tag name="ISPRING-SUITE_ISPRING_PLAYERS_CUSTOMIZATION_2" val="{&quot;none&quot;:{&quot;skinSettings&quot;:{&quot;borderRadius&quot;:1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custom&quot;,&quot;playerThemeBorderRadius&quot;:1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ULTRA_SCORM_COURCE_TITLE" val="Jelajahi NPWP 2024"/>
  <p:tag name="ISPRING_PRESENTATION_TITLE" val="Jelajahi NPWP 2024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none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,&quot;videoScale&quot;:84.375},&quot;ispringOnlineSettings&quot;:{&quot;onlineDestinationFolderId&quot;:&quot;1&quot;},&quot;cloudSettings&quot;:{&quot;onlineDestinationFolderId&quot;:&quot;1&quot;},&quot;publishDestination&quot;:&quot;LMS&quot;,&quot;wordSettings&quot;:{&quot;printCopies&quot;:1},&quot;studioSettings&quot;:{&quot;onlineDestinationFolderId&quot;:&quot;0&quot;,&quot;uploadSources&quot;:true}}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773A84-7606-4A77-A0D9-364CC90ED432}:193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276692A-385A-4DD6-A6CA-7D913EDC5BD4}:193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E23658F-8DCE-4BC1-9645-B15ADBC2C893}:1932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D07413-C28A-4D7D-8BDD-B1636CB430CC}:1933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D97F6C-1A3A-4269-AA61-B7310FB9382A}:1934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57E215-01BA-4130-A681-275D2D303A2D}:193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57E215-01BA-4130-A681-275D2D303A2D}:1935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57E215-01BA-4130-A681-275D2D303A2D}:193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57E215-01BA-4130-A681-275D2D303A2D}:1935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57E215-01BA-4130-A681-275D2D303A2D}:193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DA2B537-D6FD-4351-8BF8-0D04DFA230DC}:25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57E215-01BA-4130-A681-275D2D303A2D}:1935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57E215-01BA-4130-A681-275D2D303A2D}:193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C1E10D-610B-4026-BF70-3E4DD2586155}:25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C1E10D-610B-4026-BF70-3E4DD2586155}:25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C1E10D-610B-4026-BF70-3E4DD2586155}:25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C1E10D-610B-4026-BF70-3E4DD2586155}:258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F134A21-ACA4-49DD-B5CE-E3FE6DB9A911}:259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C1E10D-610B-4026-BF70-3E4DD2586155}:25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9BA3384-C9AA-494C-A95C-5F629CB196E4}:1929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2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2015</TotalTime>
  <Words>627</Words>
  <Application>Microsoft Office PowerPoint</Application>
  <PresentationFormat>Widescreen</PresentationFormat>
  <Paragraphs>147</Paragraphs>
  <Slides>20</Slides>
  <Notes>20</Notes>
  <HiddenSlides>0</HiddenSlides>
  <MMClips>1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20</vt:i4>
      </vt:variant>
    </vt:vector>
  </HeadingPairs>
  <TitlesOfParts>
    <vt:vector size="28" baseType="lpstr">
      <vt:lpstr>Arial</vt:lpstr>
      <vt:lpstr>Calibri</vt:lpstr>
      <vt:lpstr>Calibri Light</vt:lpstr>
      <vt:lpstr>ff0</vt:lpstr>
      <vt:lpstr>Karla</vt:lpstr>
      <vt:lpstr>Open Sans Extrabold</vt:lpstr>
      <vt:lpstr>Office Theme</vt:lpstr>
      <vt:lpstr>2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Jelajahi NPWP 2024</dc:title>
  <dc:creator>ikomang trifebiastawa</dc:creator>
  <cp:lastModifiedBy>HP</cp:lastModifiedBy>
  <cp:revision>44</cp:revision>
  <dcterms:created xsi:type="dcterms:W3CDTF">2022-03-21T04:02:58Z</dcterms:created>
  <dcterms:modified xsi:type="dcterms:W3CDTF">2024-03-05T06:56:56Z</dcterms:modified>
</cp:coreProperties>
</file>